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codeName="ThisWorkbook"/>
  <mc:AlternateContent xmlns:mc="http://schemas.openxmlformats.org/markup-compatibility/2006">
    <mc:Choice Requires="x15">
      <x15ac:absPath xmlns:x15ac="http://schemas.microsoft.com/office/spreadsheetml/2010/11/ac" url="\\kfs01\s0103\00_課共用\（◎★★★★衆院選投開票データ）\02_公表用\01_小選挙区\03_中間開票\05_0000(5回次)\"/>
    </mc:Choice>
  </mc:AlternateContent>
  <xr:revisionPtr revIDLastSave="0" documentId="13_ncr:1_{E09CD3BD-95CA-4585-9D69-9E5BEC092FDB}" xr6:coauthVersionLast="47" xr6:coauthVersionMax="47" xr10:uidLastSave="{00000000-0000-0000-0000-000000000000}"/>
  <bookViews>
    <workbookView xWindow="-108" yWindow="-108" windowWidth="23256" windowHeight="12456" firstSheet="7" activeTab="16" xr2:uid="{00000000-000D-0000-FFFF-FFFF00000000}"/>
  </bookViews>
  <sheets>
    <sheet name="第1区" sheetId="3" r:id="rId1"/>
    <sheet name="第2区" sheetId="4" r:id="rId2"/>
    <sheet name="第3区" sheetId="5" r:id="rId3"/>
    <sheet name="第4区" sheetId="6" r:id="rId4"/>
    <sheet name="第5区" sheetId="7" r:id="rId5"/>
    <sheet name="第6区" sheetId="8" r:id="rId6"/>
    <sheet name="第7区" sheetId="9" r:id="rId7"/>
    <sheet name="第8区" sheetId="10" r:id="rId8"/>
    <sheet name="第9区" sheetId="11" r:id="rId9"/>
    <sheet name="第10区" sheetId="12" r:id="rId10"/>
    <sheet name="第11区" sheetId="13" r:id="rId11"/>
    <sheet name="第12区" sheetId="14" r:id="rId12"/>
    <sheet name="第13区" sheetId="15" r:id="rId13"/>
    <sheet name="第14区" sheetId="16" r:id="rId14"/>
    <sheet name="第15区" sheetId="17" r:id="rId15"/>
    <sheet name="第16区" sheetId="18" r:id="rId16"/>
    <sheet name="第17区" sheetId="19" r:id="rId17"/>
    <sheet name="第18区" sheetId="20" r:id="rId18"/>
    <sheet name="第19区" sheetId="21" r:id="rId19"/>
    <sheet name="第20区" sheetId="22" r:id="rId20"/>
  </sheets>
  <definedNames>
    <definedName name="_xlnm.Print_Area" localSheetId="9">第10区!$A$1:$I$13</definedName>
    <definedName name="_xlnm.Print_Area" localSheetId="10">第11区!$A$1:$I$12</definedName>
    <definedName name="_xlnm.Print_Area" localSheetId="11">第12区!$A$1:$I$13</definedName>
    <definedName name="_xlnm.Print_Area" localSheetId="12">第13区!$A$1:$I$14</definedName>
    <definedName name="_xlnm.Print_Area" localSheetId="13">第14区!$A$1:$I$16</definedName>
    <definedName name="_xlnm.Print_Area" localSheetId="14">第15区!$A$1:$I$14</definedName>
    <definedName name="_xlnm.Print_Area" localSheetId="15">第16区!$A$1:$I$13</definedName>
    <definedName name="_xlnm.Print_Area" localSheetId="16">第17区!$A$1:$J$25</definedName>
    <definedName name="_xlnm.Print_Area" localSheetId="17">第18区!$A$1:$J$13</definedName>
    <definedName name="_xlnm.Print_Area" localSheetId="18">第19区!$A$1:$I$14</definedName>
    <definedName name="_xlnm.Print_Area" localSheetId="0">第1区!$A$1:$I$14</definedName>
    <definedName name="_xlnm.Print_Area" localSheetId="19">第20区!$A$1:$I$13</definedName>
    <definedName name="_xlnm.Print_Area" localSheetId="1">第2区!$A$1:$I$14</definedName>
    <definedName name="_xlnm.Print_Area" localSheetId="2">第3区!$A$1:$I$13</definedName>
    <definedName name="_xlnm.Print_Area" localSheetId="3">第4区!$A$1:$I$16</definedName>
    <definedName name="_xlnm.Print_Area" localSheetId="4">第5区!$A$1:$I$13</definedName>
    <definedName name="_xlnm.Print_Area" localSheetId="5">第6区!$A$1:$I$13</definedName>
    <definedName name="_xlnm.Print_Area" localSheetId="6">第7区!$A$1:$I$12</definedName>
    <definedName name="_xlnm.Print_Area" localSheetId="7">第8区!$A$1:$I$13</definedName>
    <definedName name="_xlnm.Print_Area" localSheetId="8">第9区!$A$1:$I$13</definedName>
    <definedName name="_xlnm.Print_Titles" localSheetId="9">第10区!$A:$B,第10区!$1:$8</definedName>
    <definedName name="_xlnm.Print_Titles" localSheetId="10">第11区!$A:$B,第11区!$1:$8</definedName>
    <definedName name="_xlnm.Print_Titles" localSheetId="11">第12区!$A:$B,第12区!$1:$8</definedName>
    <definedName name="_xlnm.Print_Titles" localSheetId="12">第13区!$A:$B,第13区!$1:$8</definedName>
    <definedName name="_xlnm.Print_Titles" localSheetId="13">第14区!$A:$B,第14区!$1:$8</definedName>
    <definedName name="_xlnm.Print_Titles" localSheetId="14">第15区!$A:$B,第15区!$1:$8</definedName>
    <definedName name="_xlnm.Print_Titles" localSheetId="15">第16区!$A:$B,第16区!$1:$8</definedName>
    <definedName name="_xlnm.Print_Titles" localSheetId="16">第17区!$B:$C,第17区!$1:$8</definedName>
    <definedName name="_xlnm.Print_Titles" localSheetId="17">第18区!$A:$B,第18区!$1:$8</definedName>
    <definedName name="_xlnm.Print_Titles" localSheetId="18">第19区!$A:$B,第19区!$1:$8</definedName>
    <definedName name="_xlnm.Print_Titles" localSheetId="0">第1区!$A:$B,第1区!$1:$8</definedName>
    <definedName name="_xlnm.Print_Titles" localSheetId="19">第20区!$A:$B,第20区!$1:$8</definedName>
    <definedName name="_xlnm.Print_Titles" localSheetId="1">第2区!$A:$B,第2区!$1:$8</definedName>
    <definedName name="_xlnm.Print_Titles" localSheetId="2">第3区!$A:$B,第3区!$1:$8</definedName>
    <definedName name="_xlnm.Print_Titles" localSheetId="3">第4区!$A:$B,第4区!$1:$8</definedName>
    <definedName name="_xlnm.Print_Titles" localSheetId="4">第5区!$A:$B,第5区!$1:$8</definedName>
    <definedName name="_xlnm.Print_Titles" localSheetId="5">第6区!$A:$B,第6区!$1:$8</definedName>
    <definedName name="_xlnm.Print_Titles" localSheetId="6">第7区!$A:$B,第7区!$1:$8</definedName>
    <definedName name="_xlnm.Print_Titles" localSheetId="7">第8区!$A:$B,第8区!$1:$8</definedName>
    <definedName name="_xlnm.Print_Titles" localSheetId="8">第9区!$A:$B,第9区!$1:$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4" i="20" l="1"/>
  <c r="K2" i="20"/>
</calcChain>
</file>

<file path=xl/sharedStrings.xml><?xml version="1.0" encoding="utf-8"?>
<sst xmlns="http://schemas.openxmlformats.org/spreadsheetml/2006/main" count="563" uniqueCount="197">
  <si>
    <t>候補者名</t>
    <rPh sb="0" eb="3">
      <t>コウホシャ</t>
    </rPh>
    <rPh sb="3" eb="4">
      <t>メイ</t>
    </rPh>
    <phoneticPr fontId="3"/>
  </si>
  <si>
    <t>開票区名＼党派名</t>
    <rPh sb="5" eb="7">
      <t>トウハ</t>
    </rPh>
    <rPh sb="7" eb="8">
      <t>メイ</t>
    </rPh>
    <phoneticPr fontId="3"/>
  </si>
  <si>
    <t>しのはら　　豪</t>
  </si>
  <si>
    <t/>
  </si>
  <si>
    <t>中道改革連合</t>
  </si>
  <si>
    <t>丸　尾　　なつ子</t>
  </si>
  <si>
    <t>自由民主党</t>
  </si>
  <si>
    <t>浅　川　　義　治</t>
  </si>
  <si>
    <t>日本維新の会</t>
  </si>
  <si>
    <t>得票数計</t>
  </si>
  <si>
    <t xml:space="preserve">    開票率（％）</t>
  </si>
  <si>
    <t>横浜市</t>
  </si>
  <si>
    <t>横浜市中区</t>
  </si>
  <si>
    <t>横浜市磯子区</t>
  </si>
  <si>
    <t>横浜市金沢区</t>
  </si>
  <si>
    <t>第１区計</t>
  </si>
  <si>
    <t>神奈川県選挙管理委員会</t>
  </si>
  <si>
    <t>やなぎや　　東三楼</t>
  </si>
  <si>
    <t>にった　　章　文</t>
  </si>
  <si>
    <t>平　本　　こうじろう</t>
  </si>
  <si>
    <t>参政党</t>
  </si>
  <si>
    <t>並　木　　まり子</t>
  </si>
  <si>
    <t>日本共産党</t>
  </si>
  <si>
    <t>片　山　　ち　え</t>
  </si>
  <si>
    <t>国民民主党</t>
  </si>
  <si>
    <t>横浜市西区</t>
  </si>
  <si>
    <t>横浜市南区</t>
  </si>
  <si>
    <t>横浜市港南区</t>
  </si>
  <si>
    <t>第２区計</t>
  </si>
  <si>
    <t>横　山　　せいご</t>
  </si>
  <si>
    <t>中　村　　たけと</t>
  </si>
  <si>
    <t>二　宮　　研</t>
  </si>
  <si>
    <t>おぎの　　み　え</t>
  </si>
  <si>
    <t>中　西　　けんじ</t>
  </si>
  <si>
    <t>横浜市鶴見区</t>
  </si>
  <si>
    <t>横浜市神奈川区</t>
  </si>
  <si>
    <t>第３区計</t>
  </si>
  <si>
    <t>早稲田　　ゆ　き</t>
  </si>
  <si>
    <t>田　宮　　れいいちろう</t>
  </si>
  <si>
    <t>永　田　　まりな</t>
  </si>
  <si>
    <t>横浜市栄区</t>
  </si>
  <si>
    <t>鎌倉市</t>
  </si>
  <si>
    <t>逗子市</t>
  </si>
  <si>
    <t>三浦郡</t>
  </si>
  <si>
    <t>葉山町</t>
  </si>
  <si>
    <t>第４区計</t>
  </si>
  <si>
    <t>久　坂　　くにえ</t>
  </si>
  <si>
    <t>山　崎　　誠</t>
  </si>
  <si>
    <t>高　宮　　みち子</t>
  </si>
  <si>
    <t>さかい　　学</t>
  </si>
  <si>
    <t>横浜市戸塚区</t>
  </si>
  <si>
    <t>横浜市泉区</t>
  </si>
  <si>
    <t>第５区計</t>
  </si>
  <si>
    <t>古　川　　なおき</t>
  </si>
  <si>
    <t>あおやぎ　　陽一郎</t>
  </si>
  <si>
    <t>横浜市保土ケ谷区</t>
  </si>
  <si>
    <t>横浜市旭区</t>
  </si>
  <si>
    <t>第６区計</t>
  </si>
  <si>
    <t>鈴　木　　けいすけ</t>
  </si>
  <si>
    <t>中　谷　　一　馬</t>
  </si>
  <si>
    <t>横浜市港北区</t>
  </si>
  <si>
    <t>第７区計</t>
  </si>
  <si>
    <t>江　田　　けんじ</t>
  </si>
  <si>
    <t>みたに　　英　弘</t>
  </si>
  <si>
    <t>横浜市緑区</t>
  </si>
  <si>
    <t>横浜市青葉区</t>
  </si>
  <si>
    <t>第８区計</t>
  </si>
  <si>
    <t>笠　　ひろふみ</t>
  </si>
  <si>
    <t>赤　石　　ひろ子</t>
  </si>
  <si>
    <t>上　原　　まさひろ</t>
  </si>
  <si>
    <t>川崎市</t>
  </si>
  <si>
    <t>川崎市多摩区</t>
  </si>
  <si>
    <t>川崎市麻生区</t>
  </si>
  <si>
    <t>第９区計</t>
  </si>
  <si>
    <t>田　中　　かずのり</t>
  </si>
  <si>
    <t>中　野　　としひろ</t>
  </si>
  <si>
    <t>山　口　　翔　平</t>
  </si>
  <si>
    <t>はしもと　　きみお</t>
  </si>
  <si>
    <t>金　村　　りゅうな</t>
  </si>
  <si>
    <t>川崎市川崎区</t>
  </si>
  <si>
    <t>川崎市幸区</t>
  </si>
  <si>
    <t>第１０区計</t>
  </si>
  <si>
    <t>小　泉　　進次郎</t>
  </si>
  <si>
    <t>前　林　　こうへい</t>
  </si>
  <si>
    <t>ためそう　　稔</t>
  </si>
  <si>
    <t>横須賀市</t>
  </si>
  <si>
    <t>三浦市</t>
  </si>
  <si>
    <t>第１１区計</t>
  </si>
  <si>
    <t>あ　べ　　ともこ</t>
  </si>
  <si>
    <t>沼　上　　つねお</t>
  </si>
  <si>
    <t>星　野　　つよし</t>
  </si>
  <si>
    <t>キクタケ　　進</t>
  </si>
  <si>
    <t>無所属</t>
  </si>
  <si>
    <t>藤沢市</t>
  </si>
  <si>
    <t>高座郡</t>
  </si>
  <si>
    <t>寒川町</t>
  </si>
  <si>
    <t>第１２区計</t>
  </si>
  <si>
    <t>太　　ひでし</t>
  </si>
  <si>
    <t>まるた　　こう一郎</t>
  </si>
  <si>
    <t>石　井　　ただし</t>
  </si>
  <si>
    <t>横浜市瀬谷区</t>
  </si>
  <si>
    <t>大和市</t>
  </si>
  <si>
    <t>綾瀬市</t>
  </si>
  <si>
    <t>第１３区計</t>
  </si>
  <si>
    <t>先　沖　　仁　志</t>
  </si>
  <si>
    <t>あかま　　二　郎</t>
  </si>
  <si>
    <t>中　村　　圭</t>
  </si>
  <si>
    <t>長　友　　よしひろ</t>
  </si>
  <si>
    <t>相模原市</t>
  </si>
  <si>
    <t>相模原市緑区</t>
  </si>
  <si>
    <t>相模原市中央区</t>
  </si>
  <si>
    <t>愛甲郡</t>
  </si>
  <si>
    <t>愛川町</t>
  </si>
  <si>
    <t>清川村</t>
  </si>
  <si>
    <t>第１４区計</t>
  </si>
  <si>
    <t>河　野　　太　郎</t>
  </si>
  <si>
    <t>小　山　　よしみつ</t>
  </si>
  <si>
    <t>三　好　　りょう</t>
  </si>
  <si>
    <t>れいわ新選組</t>
  </si>
  <si>
    <t>佐々木　　かつみ</t>
  </si>
  <si>
    <t>社会民主党</t>
  </si>
  <si>
    <t>平塚市</t>
  </si>
  <si>
    <t>茅ヶ崎市</t>
  </si>
  <si>
    <t>中郡</t>
  </si>
  <si>
    <t>大磯町</t>
  </si>
  <si>
    <t>第１５区計</t>
  </si>
  <si>
    <t>ごとう　　祐　一</t>
  </si>
  <si>
    <t>佐　藤　　まさし</t>
  </si>
  <si>
    <t>厚木市</t>
  </si>
  <si>
    <t>伊勢原市</t>
  </si>
  <si>
    <t>海老名市</t>
  </si>
  <si>
    <t>第１６区計</t>
  </si>
  <si>
    <t>中　村　　太　一</t>
  </si>
  <si>
    <t>牧　島　　かれん</t>
  </si>
  <si>
    <t>佐々木　　ナオミ</t>
  </si>
  <si>
    <t>小田原市</t>
  </si>
  <si>
    <t>秦野市</t>
  </si>
  <si>
    <t>南足柄市</t>
  </si>
  <si>
    <t>二宮町</t>
  </si>
  <si>
    <t>足柄上郡</t>
  </si>
  <si>
    <t>中井町</t>
  </si>
  <si>
    <t>大井町</t>
  </si>
  <si>
    <t>松田町</t>
  </si>
  <si>
    <t>山北町</t>
  </si>
  <si>
    <t>開成町</t>
  </si>
  <si>
    <t>足柄下郡</t>
  </si>
  <si>
    <t>箱根町</t>
  </si>
  <si>
    <t>真鶴町</t>
  </si>
  <si>
    <t>湯河原町</t>
  </si>
  <si>
    <t>第１７区計</t>
  </si>
  <si>
    <t>やまぎわ　　大志郎</t>
  </si>
  <si>
    <t>西　岡　　よしたか</t>
  </si>
  <si>
    <t>そうの　　創</t>
  </si>
  <si>
    <t>八　巻　　ようこ</t>
  </si>
  <si>
    <t>藤　田　　修　一</t>
  </si>
  <si>
    <t>横　田　　光　弘</t>
  </si>
  <si>
    <t>川崎市中原区</t>
  </si>
  <si>
    <t>川崎市高津区</t>
  </si>
  <si>
    <t>第１８区計</t>
  </si>
  <si>
    <t>深　作　　ヘスス</t>
  </si>
  <si>
    <t>むろい　　一　真</t>
  </si>
  <si>
    <t>くさま　　剛</t>
  </si>
  <si>
    <t>そえだ　　勝</t>
  </si>
  <si>
    <t>横浜市都筑区</t>
  </si>
  <si>
    <t>川崎市宮前区</t>
  </si>
  <si>
    <t>第１９区計</t>
  </si>
  <si>
    <t>かねこ　　洋　一</t>
  </si>
  <si>
    <t>金　澤　　ゆ　い</t>
  </si>
  <si>
    <t>大　塚　　さゆり</t>
  </si>
  <si>
    <t>相模原市南区</t>
  </si>
  <si>
    <t>座間市</t>
  </si>
  <si>
    <t>第２０区計</t>
  </si>
  <si>
    <t>惜敗率（％）</t>
    <rPh sb="2" eb="3">
      <t>リツ</t>
    </rPh>
    <phoneticPr fontId="2"/>
  </si>
  <si>
    <t>令和8年2月8日 施行</t>
    <phoneticPr fontId="2"/>
  </si>
  <si>
    <t>2月9日 0時00分　現在　開票率　73.13%</t>
    <phoneticPr fontId="2"/>
  </si>
  <si>
    <t>衆議院小選挙区選出議員選挙　中間開票状況（候補者別開票区別得票数）</t>
    <phoneticPr fontId="2"/>
  </si>
  <si>
    <t>2月9日 0時00分　現在　開票率　45.20%</t>
    <phoneticPr fontId="2"/>
  </si>
  <si>
    <t>2月9日 0時00分　現在　開票率　44.87%</t>
    <phoneticPr fontId="2"/>
  </si>
  <si>
    <t>2月9日 0時00分　現在　開票率　73.18%</t>
    <phoneticPr fontId="2"/>
  </si>
  <si>
    <t>2月9日 0時00分　現在　開票率　29.05%</t>
    <phoneticPr fontId="2"/>
  </si>
  <si>
    <t>2月9日 0時00分　現在　開票率　59.71%</t>
    <phoneticPr fontId="2"/>
  </si>
  <si>
    <t>2月9日 0時00分　現在　開票率　19.64%</t>
    <phoneticPr fontId="2"/>
  </si>
  <si>
    <t>2月9日 0時00分　現在　開票率　45.14%</t>
    <phoneticPr fontId="2"/>
  </si>
  <si>
    <t>2月9日 0時00分　現在　開票率　84.38%</t>
    <phoneticPr fontId="2"/>
  </si>
  <si>
    <t>2月9日 0時00分　現在　開票率　69.16%</t>
    <phoneticPr fontId="2"/>
  </si>
  <si>
    <t>2月9日 0時00分　現在　開票率　96.55%</t>
    <phoneticPr fontId="2"/>
  </si>
  <si>
    <t>2月9日 0時00分　現在　開票率　94.47%</t>
    <phoneticPr fontId="2"/>
  </si>
  <si>
    <t>2月9日 0時00分　現在　開票率　78.54%</t>
    <phoneticPr fontId="2"/>
  </si>
  <si>
    <t>2月9日 0時00分　現在　開票率　74.63%</t>
    <phoneticPr fontId="2"/>
  </si>
  <si>
    <t>2月9日 0時00分　現在　開票率　97.76%</t>
    <phoneticPr fontId="2"/>
  </si>
  <si>
    <t>2月9日 0時00分　現在　開票率　81.42%</t>
    <phoneticPr fontId="2"/>
  </si>
  <si>
    <t>2月9日 0時00分　現在　開票率　93.39%</t>
    <phoneticPr fontId="2"/>
  </si>
  <si>
    <t>2月9日 0時00分　現在　開票率　65.69%</t>
    <phoneticPr fontId="2"/>
  </si>
  <si>
    <t>2月9日 0時00分　現在　開票率　21.21%</t>
    <phoneticPr fontId="2"/>
  </si>
  <si>
    <t>2月9日 0時00分　現在　開票率　68.44%</t>
    <phoneticPr fontId="2"/>
  </si>
  <si>
    <t>※</t>
    <phoneticPr fontId="2"/>
  </si>
  <si>
    <t>※湯河原町の何れの候補者にも属さない票数、有効投票数及び無効投票数について誤りがありましたので今回の報告をもって訂正させていただきます。</t>
    <rPh sb="1" eb="5">
      <t>ユガワラマチ</t>
    </rPh>
    <rPh sb="6" eb="7">
      <t>イズ</t>
    </rPh>
    <rPh sb="9" eb="12">
      <t>コウホシャ</t>
    </rPh>
    <rPh sb="14" eb="15">
      <t>ゾク</t>
    </rPh>
    <rPh sb="18" eb="20">
      <t>ヒョウスウ</t>
    </rPh>
    <rPh sb="21" eb="23">
      <t>ユウコウ</t>
    </rPh>
    <rPh sb="23" eb="25">
      <t>トウヒョウ</t>
    </rPh>
    <rPh sb="25" eb="26">
      <t>スウ</t>
    </rPh>
    <rPh sb="26" eb="27">
      <t>オヨ</t>
    </rPh>
    <rPh sb="28" eb="30">
      <t>ムコウ</t>
    </rPh>
    <rPh sb="30" eb="33">
      <t>トウヒョウス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 \ \ \ \ \ \ "/>
    <numFmt numFmtId="177" formatCode="#,##0.00\ \ \ \ \ \ \ "/>
    <numFmt numFmtId="178" formatCode="#,##0.000\ \ \ \ \ \ \ "/>
  </numFmts>
  <fonts count="22" x14ac:knownFonts="1">
    <font>
      <sz val="11"/>
      <color theme="1"/>
      <name val="ＭＳ ゴシック"/>
      <family val="3"/>
      <charset val="128"/>
    </font>
    <font>
      <sz val="11"/>
      <name val="ＭＳ Ｐゴシック"/>
      <family val="3"/>
      <charset val="128"/>
    </font>
    <font>
      <sz val="6"/>
      <name val="ＭＳ ゴシック"/>
      <family val="3"/>
      <charset val="128"/>
    </font>
    <font>
      <sz val="6"/>
      <name val="ＭＳ Ｐゴシック"/>
      <family val="3"/>
      <charset val="128"/>
    </font>
    <font>
      <sz val="11"/>
      <color theme="1"/>
      <name val="ＭＳ ゴシック"/>
      <family val="3"/>
      <charset val="128"/>
    </font>
    <font>
      <sz val="11"/>
      <color theme="0"/>
      <name val="ＭＳ ゴシック"/>
      <family val="3"/>
      <charset val="128"/>
    </font>
    <font>
      <sz val="18"/>
      <color theme="3"/>
      <name val="ＭＳ Ｐゴシック"/>
      <family val="3"/>
      <charset val="128"/>
      <scheme val="major"/>
    </font>
    <font>
      <b/>
      <sz val="11"/>
      <color theme="0"/>
      <name val="ＭＳ ゴシック"/>
      <family val="3"/>
      <charset val="128"/>
    </font>
    <font>
      <sz val="11"/>
      <color rgb="FF9C6500"/>
      <name val="ＭＳ ゴシック"/>
      <family val="3"/>
      <charset val="128"/>
    </font>
    <font>
      <sz val="11"/>
      <color rgb="FFFA7D00"/>
      <name val="ＭＳ ゴシック"/>
      <family val="3"/>
      <charset val="128"/>
    </font>
    <font>
      <sz val="11"/>
      <color rgb="FF9C0006"/>
      <name val="ＭＳ ゴシック"/>
      <family val="3"/>
      <charset val="128"/>
    </font>
    <font>
      <b/>
      <sz val="11"/>
      <color rgb="FFFA7D00"/>
      <name val="ＭＳ ゴシック"/>
      <family val="3"/>
      <charset val="128"/>
    </font>
    <font>
      <sz val="11"/>
      <color rgb="FFFF0000"/>
      <name val="ＭＳ ゴシック"/>
      <family val="3"/>
      <charset val="128"/>
    </font>
    <font>
      <b/>
      <sz val="15"/>
      <color theme="3"/>
      <name val="ＭＳ ゴシック"/>
      <family val="3"/>
      <charset val="128"/>
    </font>
    <font>
      <b/>
      <sz val="13"/>
      <color theme="3"/>
      <name val="ＭＳ ゴシック"/>
      <family val="3"/>
      <charset val="128"/>
    </font>
    <font>
      <b/>
      <sz val="11"/>
      <color theme="3"/>
      <name val="ＭＳ ゴシック"/>
      <family val="3"/>
      <charset val="128"/>
    </font>
    <font>
      <b/>
      <sz val="11"/>
      <color theme="1"/>
      <name val="ＭＳ ゴシック"/>
      <family val="3"/>
      <charset val="128"/>
    </font>
    <font>
      <b/>
      <sz val="11"/>
      <color rgb="FF3F3F3F"/>
      <name val="ＭＳ ゴシック"/>
      <family val="3"/>
      <charset val="128"/>
    </font>
    <font>
      <i/>
      <sz val="11"/>
      <color rgb="FF7F7F7F"/>
      <name val="ＭＳ ゴシック"/>
      <family val="3"/>
      <charset val="128"/>
    </font>
    <font>
      <sz val="11"/>
      <color rgb="FF3F3F76"/>
      <name val="ＭＳ ゴシック"/>
      <family val="3"/>
      <charset val="128"/>
    </font>
    <font>
      <sz val="14"/>
      <name val="IPAmj明朝"/>
      <family val="1"/>
      <charset val="128"/>
    </font>
    <font>
      <sz val="10"/>
      <name val="IPAmj明朝"/>
      <family val="1"/>
      <charset val="128"/>
    </font>
  </fonts>
  <fills count="32">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s>
  <borders count="57">
    <border>
      <left/>
      <right/>
      <top/>
      <bottom/>
      <diagonal/>
    </border>
    <border>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medium">
        <color indexed="64"/>
      </left>
      <right/>
      <top/>
      <bottom/>
      <diagonal/>
    </border>
    <border>
      <left style="medium">
        <color indexed="64"/>
      </left>
      <right style="thin">
        <color indexed="64"/>
      </right>
      <top/>
      <bottom style="thin">
        <color indexed="64"/>
      </bottom>
      <diagonal/>
    </border>
    <border>
      <left/>
      <right style="medium">
        <color indexed="64"/>
      </right>
      <top/>
      <bottom/>
      <diagonal/>
    </border>
    <border>
      <left/>
      <right style="medium">
        <color indexed="64"/>
      </right>
      <top/>
      <bottom style="thin">
        <color indexed="64"/>
      </bottom>
      <diagonal/>
    </border>
    <border>
      <left/>
      <right style="medium">
        <color indexed="64"/>
      </right>
      <top style="thin">
        <color indexed="64"/>
      </top>
      <bottom/>
      <diagonal/>
    </border>
    <border>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diagonal/>
    </border>
    <border>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bottom/>
      <diagonal/>
    </border>
    <border>
      <left style="medium">
        <color indexed="64"/>
      </left>
      <right/>
      <top/>
      <bottom style="thin">
        <color indexed="64"/>
      </bottom>
      <diagonal/>
    </border>
    <border>
      <left style="medium">
        <color indexed="64"/>
      </left>
      <right/>
      <top/>
      <bottom style="double">
        <color indexed="64"/>
      </bottom>
      <diagonal/>
    </border>
    <border>
      <left/>
      <right style="medium">
        <color indexed="64"/>
      </right>
      <top/>
      <bottom style="double">
        <color indexed="64"/>
      </bottom>
      <diagonal/>
    </border>
    <border>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auto="1"/>
      </left>
      <right/>
      <top/>
      <bottom/>
      <diagonal/>
    </border>
    <border>
      <left style="medium">
        <color indexed="64"/>
      </left>
      <right/>
      <top style="double">
        <color auto="1"/>
      </top>
      <bottom/>
      <diagonal/>
    </border>
    <border>
      <left/>
      <right style="medium">
        <color indexed="64"/>
      </right>
      <top style="double">
        <color auto="1"/>
      </top>
      <bottom/>
      <diagonal/>
    </border>
    <border>
      <left style="medium">
        <color indexed="64"/>
      </left>
      <right style="thin">
        <color indexed="64"/>
      </right>
      <top style="double">
        <color auto="1"/>
      </top>
      <bottom/>
      <diagonal/>
    </border>
    <border>
      <left/>
      <right style="thin">
        <color indexed="64"/>
      </right>
      <top style="double">
        <color auto="1"/>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bottom/>
      <diagonal/>
    </border>
    <border>
      <left style="thin">
        <color indexed="64"/>
      </left>
      <right/>
      <top/>
      <bottom style="double">
        <color indexed="64"/>
      </bottom>
      <diagonal/>
    </border>
    <border>
      <left/>
      <right/>
      <top/>
      <bottom style="thin">
        <color indexed="64"/>
      </bottom>
      <diagonal/>
    </border>
    <border>
      <left/>
      <right/>
      <top style="double">
        <color auto="1"/>
      </top>
      <bottom/>
      <diagonal/>
    </border>
    <border>
      <left style="thin">
        <color indexed="64"/>
      </left>
      <right style="medium">
        <color indexed="64"/>
      </right>
      <top/>
      <bottom style="thin">
        <color indexed="64"/>
      </bottom>
      <diagonal/>
    </border>
    <border>
      <left style="thin">
        <color indexed="64"/>
      </left>
      <right style="medium">
        <color indexed="64"/>
      </right>
      <top style="double">
        <color auto="1"/>
      </top>
      <bottom/>
      <diagonal/>
    </border>
    <border>
      <left style="thin">
        <color indexed="64"/>
      </left>
      <right style="medium">
        <color indexed="64"/>
      </right>
      <top style="thin">
        <color indexed="64"/>
      </top>
      <bottom style="medium">
        <color indexed="64"/>
      </bottom>
      <diagonal/>
    </border>
    <border>
      <left style="medium">
        <color indexed="64"/>
      </left>
      <right/>
      <top/>
      <bottom style="medium">
        <color indexed="64"/>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double">
        <color auto="1"/>
      </top>
      <bottom style="thin">
        <color indexed="64"/>
      </bottom>
      <diagonal/>
    </border>
    <border>
      <left/>
      <right style="medium">
        <color indexed="64"/>
      </right>
      <top style="double">
        <color auto="1"/>
      </top>
      <bottom style="thin">
        <color indexed="64"/>
      </bottom>
      <diagonal/>
    </border>
    <border>
      <left style="medium">
        <color indexed="64"/>
      </left>
      <right style="thin">
        <color indexed="64"/>
      </right>
      <top style="double">
        <color auto="1"/>
      </top>
      <bottom style="thin">
        <color indexed="64"/>
      </bottom>
      <diagonal/>
    </border>
    <border>
      <left/>
      <right style="thin">
        <color indexed="64"/>
      </right>
      <top style="double">
        <color auto="1"/>
      </top>
      <bottom style="thin">
        <color indexed="64"/>
      </bottom>
      <diagonal/>
    </border>
  </borders>
  <cellStyleXfs count="43">
    <xf numFmtId="0" fontId="0" fillId="0" borderId="0">
      <alignment vertical="center"/>
    </xf>
    <xf numFmtId="0" fontId="4" fillId="2" borderId="0" applyNumberFormat="0" applyBorder="0" applyAlignment="0" applyProtection="0">
      <alignment vertical="center"/>
    </xf>
    <xf numFmtId="0" fontId="4" fillId="3" borderId="0" applyNumberFormat="0" applyBorder="0" applyAlignment="0" applyProtection="0">
      <alignment vertical="center"/>
    </xf>
    <xf numFmtId="0" fontId="4" fillId="4" borderId="0" applyNumberFormat="0" applyBorder="0" applyAlignment="0" applyProtection="0">
      <alignment vertical="center"/>
    </xf>
    <xf numFmtId="0" fontId="4" fillId="5" borderId="0" applyNumberFormat="0" applyBorder="0" applyAlignment="0" applyProtection="0">
      <alignment vertical="center"/>
    </xf>
    <xf numFmtId="0" fontId="4" fillId="6" borderId="0" applyNumberFormat="0" applyBorder="0" applyAlignment="0" applyProtection="0">
      <alignment vertical="center"/>
    </xf>
    <xf numFmtId="0" fontId="4" fillId="7" borderId="0" applyNumberFormat="0" applyBorder="0" applyAlignment="0" applyProtection="0">
      <alignment vertical="center"/>
    </xf>
    <xf numFmtId="0" fontId="4" fillId="8" borderId="0" applyNumberFormat="0" applyBorder="0" applyAlignment="0" applyProtection="0">
      <alignment vertical="center"/>
    </xf>
    <xf numFmtId="0" fontId="4" fillId="9" borderId="0" applyNumberFormat="0" applyBorder="0" applyAlignment="0" applyProtection="0">
      <alignment vertical="center"/>
    </xf>
    <xf numFmtId="0" fontId="4" fillId="10" borderId="0" applyNumberFormat="0" applyBorder="0" applyAlignment="0" applyProtection="0">
      <alignment vertical="center"/>
    </xf>
    <xf numFmtId="0" fontId="4" fillId="11" borderId="0" applyNumberFormat="0" applyBorder="0" applyAlignment="0" applyProtection="0">
      <alignment vertical="center"/>
    </xf>
    <xf numFmtId="0" fontId="4" fillId="12" borderId="0" applyNumberFormat="0" applyBorder="0" applyAlignment="0" applyProtection="0">
      <alignment vertical="center"/>
    </xf>
    <xf numFmtId="0" fontId="4"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5" fillId="16" borderId="0" applyNumberFormat="0" applyBorder="0" applyAlignment="0" applyProtection="0">
      <alignment vertical="center"/>
    </xf>
    <xf numFmtId="0" fontId="5" fillId="17" borderId="0" applyNumberFormat="0" applyBorder="0" applyAlignment="0" applyProtection="0">
      <alignment vertical="center"/>
    </xf>
    <xf numFmtId="0" fontId="5" fillId="18" borderId="0" applyNumberFormat="0" applyBorder="0" applyAlignment="0" applyProtection="0">
      <alignment vertical="center"/>
    </xf>
    <xf numFmtId="0" fontId="5" fillId="19" borderId="0" applyNumberFormat="0" applyBorder="0" applyAlignment="0" applyProtection="0">
      <alignment vertical="center"/>
    </xf>
    <xf numFmtId="0" fontId="5" fillId="20" borderId="0" applyNumberFormat="0" applyBorder="0" applyAlignment="0" applyProtection="0">
      <alignment vertical="center"/>
    </xf>
    <xf numFmtId="0" fontId="5" fillId="21" borderId="0" applyNumberFormat="0" applyBorder="0" applyAlignment="0" applyProtection="0">
      <alignment vertical="center"/>
    </xf>
    <xf numFmtId="0" fontId="5" fillId="22" borderId="0" applyNumberFormat="0" applyBorder="0" applyAlignment="0" applyProtection="0">
      <alignment vertical="center"/>
    </xf>
    <xf numFmtId="0" fontId="5" fillId="23" borderId="0" applyNumberFormat="0" applyBorder="0" applyAlignment="0" applyProtection="0">
      <alignment vertical="center"/>
    </xf>
    <xf numFmtId="0" fontId="5" fillId="24" borderId="0" applyNumberFormat="0" applyBorder="0" applyAlignment="0" applyProtection="0">
      <alignment vertical="center"/>
    </xf>
    <xf numFmtId="0" fontId="5" fillId="25" borderId="0" applyNumberFormat="0" applyBorder="0" applyAlignment="0" applyProtection="0">
      <alignment vertical="center"/>
    </xf>
    <xf numFmtId="0" fontId="6" fillId="0" borderId="0" applyNumberFormat="0" applyFill="0" applyBorder="0" applyAlignment="0" applyProtection="0">
      <alignment vertical="center"/>
    </xf>
    <xf numFmtId="0" fontId="7" fillId="26" borderId="2" applyNumberFormat="0" applyAlignment="0" applyProtection="0">
      <alignment vertical="center"/>
    </xf>
    <xf numFmtId="0" fontId="8" fillId="27" borderId="0" applyNumberFormat="0" applyBorder="0" applyAlignment="0" applyProtection="0">
      <alignment vertical="center"/>
    </xf>
    <xf numFmtId="0" fontId="4" fillId="28" borderId="3" applyNumberFormat="0" applyFont="0" applyAlignment="0" applyProtection="0">
      <alignment vertical="center"/>
    </xf>
    <xf numFmtId="0" fontId="9" fillId="0" borderId="4" applyNumberFormat="0" applyFill="0" applyAlignment="0" applyProtection="0">
      <alignment vertical="center"/>
    </xf>
    <xf numFmtId="0" fontId="10" fillId="29" borderId="0" applyNumberFormat="0" applyBorder="0" applyAlignment="0" applyProtection="0">
      <alignment vertical="center"/>
    </xf>
    <xf numFmtId="0" fontId="11" fillId="30" borderId="5" applyNumberFormat="0" applyAlignment="0" applyProtection="0">
      <alignment vertical="center"/>
    </xf>
    <xf numFmtId="0" fontId="12" fillId="0" borderId="0" applyNumberFormat="0" applyFill="0" applyBorder="0" applyAlignment="0" applyProtection="0">
      <alignment vertical="center"/>
    </xf>
    <xf numFmtId="0" fontId="13" fillId="0" borderId="6" applyNumberFormat="0" applyFill="0" applyAlignment="0" applyProtection="0">
      <alignment vertical="center"/>
    </xf>
    <xf numFmtId="0" fontId="14" fillId="0" borderId="7" applyNumberFormat="0" applyFill="0" applyAlignment="0" applyProtection="0">
      <alignment vertical="center"/>
    </xf>
    <xf numFmtId="0" fontId="15" fillId="0" borderId="8" applyNumberFormat="0" applyFill="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30" borderId="10" applyNumberFormat="0" applyAlignment="0" applyProtection="0">
      <alignment vertical="center"/>
    </xf>
    <xf numFmtId="0" fontId="18" fillId="0" borderId="0" applyNumberFormat="0" applyFill="0" applyBorder="0" applyAlignment="0" applyProtection="0">
      <alignment vertical="center"/>
    </xf>
    <xf numFmtId="0" fontId="19" fillId="31" borderId="5" applyNumberFormat="0" applyAlignment="0" applyProtection="0">
      <alignment vertical="center"/>
    </xf>
    <xf numFmtId="0" fontId="1" fillId="0" borderId="0"/>
    <xf numFmtId="0" fontId="1" fillId="0" borderId="0"/>
  </cellStyleXfs>
  <cellXfs count="75">
    <xf numFmtId="0" fontId="0" fillId="0" borderId="0" xfId="0">
      <alignment vertical="center"/>
    </xf>
    <xf numFmtId="49" fontId="21" fillId="0" borderId="0" xfId="41" applyNumberFormat="1" applyFont="1" applyAlignment="1">
      <alignment horizontal="right" vertical="center"/>
    </xf>
    <xf numFmtId="176" fontId="21" fillId="0" borderId="12" xfId="41" applyNumberFormat="1" applyFont="1" applyBorder="1" applyAlignment="1">
      <alignment horizontal="right" vertical="center"/>
    </xf>
    <xf numFmtId="176" fontId="21" fillId="0" borderId="1" xfId="41" applyNumberFormat="1" applyFont="1" applyBorder="1" applyAlignment="1">
      <alignment horizontal="right" vertical="center"/>
    </xf>
    <xf numFmtId="49" fontId="21" fillId="0" borderId="17" xfId="41" applyNumberFormat="1" applyFont="1" applyBorder="1" applyAlignment="1">
      <alignment horizontal="center" vertical="center" shrinkToFit="1"/>
    </xf>
    <xf numFmtId="49" fontId="21" fillId="0" borderId="0" xfId="41" applyNumberFormat="1" applyFont="1" applyAlignment="1">
      <alignment horizontal="left" vertical="center" shrinkToFit="1"/>
    </xf>
    <xf numFmtId="49" fontId="21" fillId="0" borderId="20" xfId="41" applyNumberFormat="1" applyFont="1" applyBorder="1" applyAlignment="1">
      <alignment horizontal="center" vertical="center" shrinkToFit="1"/>
    </xf>
    <xf numFmtId="49" fontId="21" fillId="0" borderId="21" xfId="41" applyNumberFormat="1" applyFont="1" applyBorder="1" applyAlignment="1">
      <alignment horizontal="left" vertical="center" shrinkToFit="1"/>
    </xf>
    <xf numFmtId="49" fontId="21" fillId="0" borderId="22" xfId="41" applyNumberFormat="1" applyFont="1" applyBorder="1" applyAlignment="1">
      <alignment horizontal="center" vertical="center" shrinkToFit="1"/>
    </xf>
    <xf numFmtId="49" fontId="20" fillId="0" borderId="0" xfId="41" applyNumberFormat="1" applyFont="1" applyAlignment="1">
      <alignment horizontal="left" vertical="center"/>
    </xf>
    <xf numFmtId="0" fontId="20" fillId="0" borderId="0" xfId="41" applyFont="1" applyAlignment="1">
      <alignment vertical="center"/>
    </xf>
    <xf numFmtId="0" fontId="21" fillId="0" borderId="0" xfId="41" applyFont="1" applyAlignment="1">
      <alignment vertical="center"/>
    </xf>
    <xf numFmtId="49" fontId="21" fillId="0" borderId="25" xfId="41" applyNumberFormat="1" applyFont="1" applyBorder="1" applyAlignment="1">
      <alignment horizontal="distributed" vertical="center"/>
    </xf>
    <xf numFmtId="49" fontId="21" fillId="0" borderId="14" xfId="41" applyNumberFormat="1" applyFont="1" applyBorder="1" applyAlignment="1">
      <alignment horizontal="distributed" vertical="center"/>
    </xf>
    <xf numFmtId="49" fontId="21" fillId="0" borderId="28" xfId="41" applyNumberFormat="1" applyFont="1" applyBorder="1" applyAlignment="1">
      <alignment horizontal="left" vertical="center" shrinkToFit="1"/>
    </xf>
    <xf numFmtId="49" fontId="21" fillId="0" borderId="29" xfId="41" applyNumberFormat="1" applyFont="1" applyBorder="1" applyAlignment="1">
      <alignment horizontal="left" vertical="center" shrinkToFit="1"/>
    </xf>
    <xf numFmtId="0" fontId="21" fillId="0" borderId="19" xfId="41" applyFont="1" applyBorder="1" applyAlignment="1">
      <alignment vertical="center"/>
    </xf>
    <xf numFmtId="49" fontId="21" fillId="0" borderId="19" xfId="41" applyNumberFormat="1" applyFont="1" applyBorder="1" applyAlignment="1">
      <alignment horizontal="right" vertical="center"/>
    </xf>
    <xf numFmtId="0" fontId="0" fillId="0" borderId="0" xfId="0" applyAlignment="1"/>
    <xf numFmtId="0" fontId="0" fillId="0" borderId="31" xfId="0" applyBorder="1" applyAlignment="1"/>
    <xf numFmtId="176" fontId="21" fillId="0" borderId="34" xfId="41" applyNumberFormat="1" applyFont="1" applyBorder="1" applyAlignment="1">
      <alignment horizontal="right" vertical="center"/>
    </xf>
    <xf numFmtId="176" fontId="21" fillId="0" borderId="35" xfId="41" applyNumberFormat="1" applyFont="1" applyBorder="1" applyAlignment="1">
      <alignment horizontal="right" vertical="center"/>
    </xf>
    <xf numFmtId="0" fontId="0" fillId="0" borderId="36" xfId="0" applyBorder="1">
      <alignment vertical="center"/>
    </xf>
    <xf numFmtId="49" fontId="21" fillId="0" borderId="37" xfId="41" applyNumberFormat="1" applyFont="1" applyBorder="1" applyAlignment="1">
      <alignment horizontal="distributed" vertical="center"/>
    </xf>
    <xf numFmtId="176" fontId="21" fillId="0" borderId="44" xfId="41" applyNumberFormat="1" applyFont="1" applyBorder="1" applyAlignment="1">
      <alignment horizontal="right" vertical="center"/>
    </xf>
    <xf numFmtId="176" fontId="21" fillId="0" borderId="45" xfId="41" applyNumberFormat="1" applyFont="1" applyBorder="1" applyAlignment="1">
      <alignment horizontal="right" vertical="center"/>
    </xf>
    <xf numFmtId="0" fontId="0" fillId="0" borderId="49" xfId="0" applyBorder="1">
      <alignment vertical="center"/>
    </xf>
    <xf numFmtId="49" fontId="21" fillId="0" borderId="19" xfId="41" applyNumberFormat="1" applyFont="1" applyBorder="1" applyAlignment="1">
      <alignment horizontal="distributed" vertical="center"/>
    </xf>
    <xf numFmtId="176" fontId="21" fillId="0" borderId="55" xfId="41" applyNumberFormat="1" applyFont="1" applyBorder="1" applyAlignment="1">
      <alignment horizontal="right" vertical="center"/>
    </xf>
    <xf numFmtId="176" fontId="21" fillId="0" borderId="56" xfId="41" applyNumberFormat="1" applyFont="1" applyBorder="1" applyAlignment="1">
      <alignment horizontal="right" vertical="center"/>
    </xf>
    <xf numFmtId="177" fontId="21" fillId="0" borderId="1" xfId="41" applyNumberFormat="1" applyFont="1" applyBorder="1" applyAlignment="1">
      <alignment horizontal="right" vertical="center"/>
    </xf>
    <xf numFmtId="177" fontId="21" fillId="0" borderId="35" xfId="41" applyNumberFormat="1" applyFont="1" applyBorder="1" applyAlignment="1">
      <alignment horizontal="right" vertical="center"/>
    </xf>
    <xf numFmtId="177" fontId="21" fillId="0" borderId="14" xfId="41" applyNumberFormat="1" applyFont="1" applyBorder="1" applyAlignment="1">
      <alignment horizontal="right" vertical="center"/>
    </xf>
    <xf numFmtId="177" fontId="21" fillId="0" borderId="54" xfId="41" applyNumberFormat="1" applyFont="1" applyBorder="1" applyAlignment="1">
      <alignment horizontal="right" vertical="center"/>
    </xf>
    <xf numFmtId="177" fontId="21" fillId="0" borderId="46" xfId="41" applyNumberFormat="1" applyFont="1" applyBorder="1" applyAlignment="1">
      <alignment horizontal="right" vertical="center"/>
    </xf>
    <xf numFmtId="177" fontId="21" fillId="0" borderId="47" xfId="41" applyNumberFormat="1" applyFont="1" applyBorder="1" applyAlignment="1">
      <alignment horizontal="right" vertical="center"/>
    </xf>
    <xf numFmtId="178" fontId="21" fillId="0" borderId="38" xfId="41" applyNumberFormat="1" applyFont="1" applyBorder="1" applyAlignment="1">
      <alignment horizontal="right" vertical="center"/>
    </xf>
    <xf numFmtId="178" fontId="21" fillId="0" borderId="39" xfId="41" applyNumberFormat="1" applyFont="1" applyBorder="1" applyAlignment="1">
      <alignment horizontal="right" vertical="center"/>
    </xf>
    <xf numFmtId="178" fontId="21" fillId="0" borderId="40" xfId="41" applyNumberFormat="1" applyFont="1" applyBorder="1" applyAlignment="1">
      <alignment horizontal="right" vertical="center"/>
    </xf>
    <xf numFmtId="178" fontId="21" fillId="0" borderId="50" xfId="41" applyNumberFormat="1" applyFont="1" applyBorder="1" applyAlignment="1">
      <alignment horizontal="right" vertical="center"/>
    </xf>
    <xf numFmtId="178" fontId="21" fillId="0" borderId="51" xfId="41" applyNumberFormat="1" applyFont="1" applyBorder="1" applyAlignment="1">
      <alignment horizontal="right" vertical="center"/>
    </xf>
    <xf numFmtId="178" fontId="21" fillId="0" borderId="19" xfId="41" applyNumberFormat="1" applyFont="1" applyBorder="1" applyAlignment="1">
      <alignment horizontal="right" vertical="center"/>
    </xf>
    <xf numFmtId="178" fontId="21" fillId="0" borderId="52" xfId="41" applyNumberFormat="1" applyFont="1" applyBorder="1" applyAlignment="1">
      <alignment horizontal="right" vertical="center"/>
    </xf>
    <xf numFmtId="178" fontId="21" fillId="0" borderId="37" xfId="41" applyNumberFormat="1" applyFont="1" applyBorder="1" applyAlignment="1">
      <alignment horizontal="right" vertical="center"/>
    </xf>
    <xf numFmtId="178" fontId="21" fillId="0" borderId="48" xfId="41" applyNumberFormat="1" applyFont="1" applyBorder="1" applyAlignment="1">
      <alignment horizontal="right" vertical="center"/>
    </xf>
    <xf numFmtId="49" fontId="21" fillId="0" borderId="26" xfId="41" applyNumberFormat="1" applyFont="1" applyBorder="1" applyAlignment="1">
      <alignment horizontal="center" vertical="center"/>
    </xf>
    <xf numFmtId="49" fontId="21" fillId="0" borderId="27" xfId="41" applyNumberFormat="1" applyFont="1" applyBorder="1" applyAlignment="1">
      <alignment horizontal="center" vertical="center"/>
    </xf>
    <xf numFmtId="49" fontId="21" fillId="0" borderId="25" xfId="41" applyNumberFormat="1" applyFont="1" applyBorder="1" applyAlignment="1">
      <alignment horizontal="distributed" vertical="center"/>
    </xf>
    <xf numFmtId="49" fontId="21" fillId="0" borderId="14" xfId="41" applyNumberFormat="1" applyFont="1" applyBorder="1" applyAlignment="1">
      <alignment horizontal="distributed" vertical="center"/>
    </xf>
    <xf numFmtId="49" fontId="21" fillId="0" borderId="32" xfId="41" applyNumberFormat="1" applyFont="1" applyBorder="1" applyAlignment="1">
      <alignment horizontal="distributed" vertical="center" indent="1"/>
    </xf>
    <xf numFmtId="49" fontId="21" fillId="0" borderId="33" xfId="41" applyNumberFormat="1" applyFont="1" applyBorder="1" applyAlignment="1">
      <alignment horizontal="distributed" vertical="center" indent="1"/>
    </xf>
    <xf numFmtId="49" fontId="21" fillId="0" borderId="20" xfId="41" applyNumberFormat="1" applyFont="1" applyBorder="1" applyAlignment="1">
      <alignment horizontal="center" vertical="center" shrinkToFit="1"/>
    </xf>
    <xf numFmtId="49" fontId="21" fillId="0" borderId="21" xfId="41" applyNumberFormat="1" applyFont="1" applyBorder="1" applyAlignment="1">
      <alignment horizontal="left" vertical="center" shrinkToFit="1"/>
    </xf>
    <xf numFmtId="49" fontId="21" fillId="0" borderId="29" xfId="41" applyNumberFormat="1" applyFont="1" applyBorder="1" applyAlignment="1">
      <alignment horizontal="left" vertical="center" shrinkToFit="1"/>
    </xf>
    <xf numFmtId="49" fontId="21" fillId="0" borderId="22" xfId="41" applyNumberFormat="1" applyFont="1" applyBorder="1" applyAlignment="1">
      <alignment horizontal="center" vertical="center" shrinkToFit="1"/>
    </xf>
    <xf numFmtId="49" fontId="21" fillId="0" borderId="0" xfId="41" applyNumberFormat="1" applyFont="1" applyAlignment="1">
      <alignment horizontal="left" vertical="center" shrinkToFit="1"/>
    </xf>
    <xf numFmtId="49" fontId="21" fillId="0" borderId="28" xfId="41" applyNumberFormat="1" applyFont="1" applyBorder="1" applyAlignment="1">
      <alignment horizontal="left" vertical="center" shrinkToFit="1"/>
    </xf>
    <xf numFmtId="49" fontId="21" fillId="0" borderId="0" xfId="41" quotePrefix="1" applyNumberFormat="1" applyFont="1" applyAlignment="1">
      <alignment horizontal="left" vertical="center" shrinkToFit="1"/>
    </xf>
    <xf numFmtId="0" fontId="21" fillId="0" borderId="19" xfId="41" applyFont="1" applyBorder="1" applyAlignment="1">
      <alignment horizontal="left" vertical="center" shrinkToFit="1"/>
    </xf>
    <xf numFmtId="49" fontId="21" fillId="0" borderId="17" xfId="41" applyNumberFormat="1" applyFont="1" applyBorder="1" applyAlignment="1">
      <alignment horizontal="center" vertical="center"/>
    </xf>
    <xf numFmtId="49" fontId="21" fillId="0" borderId="16" xfId="41" applyNumberFormat="1" applyFont="1" applyBorder="1" applyAlignment="1">
      <alignment horizontal="center" vertical="center"/>
    </xf>
    <xf numFmtId="49" fontId="21" fillId="0" borderId="18" xfId="41" applyNumberFormat="1" applyFont="1" applyBorder="1" applyAlignment="1">
      <alignment horizontal="center" vertical="center"/>
    </xf>
    <xf numFmtId="49" fontId="21" fillId="0" borderId="15" xfId="41" applyNumberFormat="1" applyFont="1" applyBorder="1" applyAlignment="1">
      <alignment horizontal="center" vertical="center"/>
    </xf>
    <xf numFmtId="49" fontId="21" fillId="0" borderId="11" xfId="41" applyNumberFormat="1" applyFont="1" applyBorder="1" applyAlignment="1">
      <alignment horizontal="center" vertical="center"/>
    </xf>
    <xf numFmtId="49" fontId="21" fillId="0" borderId="13" xfId="41" applyNumberFormat="1" applyFont="1" applyBorder="1" applyAlignment="1">
      <alignment horizontal="center" vertical="center"/>
    </xf>
    <xf numFmtId="49" fontId="21" fillId="0" borderId="53" xfId="41" applyNumberFormat="1" applyFont="1" applyBorder="1" applyAlignment="1">
      <alignment horizontal="distributed" vertical="center" indent="1"/>
    </xf>
    <xf numFmtId="49" fontId="21" fillId="0" borderId="54" xfId="41" applyNumberFormat="1" applyFont="1" applyBorder="1" applyAlignment="1">
      <alignment horizontal="distributed" vertical="center" indent="1"/>
    </xf>
    <xf numFmtId="49" fontId="21" fillId="0" borderId="23" xfId="41" applyNumberFormat="1" applyFont="1" applyBorder="1" applyAlignment="1">
      <alignment horizontal="center" vertical="center" shrinkToFit="1"/>
    </xf>
    <xf numFmtId="49" fontId="21" fillId="0" borderId="24" xfId="41" applyNumberFormat="1" applyFont="1" applyBorder="1" applyAlignment="1">
      <alignment horizontal="left" vertical="center" shrinkToFit="1"/>
    </xf>
    <xf numFmtId="49" fontId="21" fillId="0" borderId="30" xfId="41" applyNumberFormat="1" applyFont="1" applyBorder="1" applyAlignment="1">
      <alignment horizontal="left" vertical="center" shrinkToFit="1"/>
    </xf>
    <xf numFmtId="49" fontId="21" fillId="0" borderId="41" xfId="41" applyNumberFormat="1" applyFont="1" applyBorder="1" applyAlignment="1">
      <alignment horizontal="center" vertical="center" shrinkToFit="1"/>
    </xf>
    <xf numFmtId="49" fontId="21" fillId="0" borderId="42" xfId="41" applyNumberFormat="1" applyFont="1" applyBorder="1" applyAlignment="1">
      <alignment horizontal="left" vertical="center" shrinkToFit="1"/>
    </xf>
    <xf numFmtId="49" fontId="21" fillId="0" borderId="43" xfId="41" applyNumberFormat="1" applyFont="1" applyBorder="1" applyAlignment="1">
      <alignment horizontal="left" vertical="center" shrinkToFit="1"/>
    </xf>
    <xf numFmtId="49" fontId="21" fillId="0" borderId="19" xfId="41" applyNumberFormat="1" applyFont="1" applyBorder="1" applyAlignment="1">
      <alignment horizontal="right" vertical="center"/>
    </xf>
    <xf numFmtId="0" fontId="0" fillId="0" borderId="0" xfId="0" applyAlignment="1">
      <alignment horizontal="righ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xr:uid="{00000000-0005-0000-0000-00001E000000}"/>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I14"/>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
      <c r="I4" s="1" t="s">
        <v>174</v>
      </c>
    </row>
    <row r="5" spans="1:9" ht="15.75" customHeight="1" x14ac:dyDescent="0.2">
      <c r="A5" s="59" t="s">
        <v>0</v>
      </c>
      <c r="B5" s="60"/>
      <c r="C5" s="4" t="s">
        <v>2</v>
      </c>
      <c r="D5" s="6" t="s">
        <v>5</v>
      </c>
      <c r="E5" s="8" t="s">
        <v>7</v>
      </c>
      <c r="F5" s="51" t="s">
        <v>9</v>
      </c>
      <c r="G5" s="54" t="s">
        <v>10</v>
      </c>
      <c r="H5" s="19"/>
      <c r="I5" s="18"/>
    </row>
    <row r="6" spans="1:9" ht="15.75" customHeight="1" x14ac:dyDescent="0.2">
      <c r="A6" s="61"/>
      <c r="B6" s="62"/>
      <c r="C6" s="5" t="s">
        <v>3</v>
      </c>
      <c r="D6" s="7" t="s">
        <v>3</v>
      </c>
      <c r="E6" s="5" t="s">
        <v>3</v>
      </c>
      <c r="F6" s="52"/>
      <c r="G6" s="55"/>
      <c r="H6" s="19"/>
      <c r="I6" s="18"/>
    </row>
    <row r="7" spans="1:9" ht="15.75" customHeight="1" x14ac:dyDescent="0.2">
      <c r="A7" s="63" t="s">
        <v>1</v>
      </c>
      <c r="B7" s="64"/>
      <c r="C7" s="5" t="s">
        <v>4</v>
      </c>
      <c r="D7" s="7" t="s">
        <v>6</v>
      </c>
      <c r="E7" s="5" t="s">
        <v>8</v>
      </c>
      <c r="F7" s="52"/>
      <c r="G7" s="55"/>
      <c r="H7" s="19"/>
      <c r="I7" s="18"/>
    </row>
    <row r="8" spans="1:9" ht="15.75" customHeight="1" x14ac:dyDescent="0.2">
      <c r="A8" s="45"/>
      <c r="B8" s="46"/>
      <c r="C8" s="14" t="s">
        <v>3</v>
      </c>
      <c r="D8" s="15" t="s">
        <v>3</v>
      </c>
      <c r="E8" s="14" t="s">
        <v>3</v>
      </c>
      <c r="F8" s="53"/>
      <c r="G8" s="56"/>
      <c r="H8" s="19"/>
      <c r="I8" s="18"/>
    </row>
    <row r="9" spans="1:9" ht="15.75" customHeight="1" x14ac:dyDescent="0.2">
      <c r="A9" s="47" t="s">
        <v>11</v>
      </c>
      <c r="B9" s="48"/>
      <c r="C9" s="2">
        <v>65000</v>
      </c>
      <c r="D9" s="3">
        <v>90500</v>
      </c>
      <c r="E9" s="3">
        <v>18500</v>
      </c>
      <c r="F9" s="3">
        <v>174000</v>
      </c>
      <c r="G9" s="30">
        <v>73.13</v>
      </c>
      <c r="H9" s="19"/>
      <c r="I9" s="18"/>
    </row>
    <row r="10" spans="1:9" ht="15.75" customHeight="1" x14ac:dyDescent="0.2">
      <c r="A10" s="12"/>
      <c r="B10" s="13" t="s">
        <v>12</v>
      </c>
      <c r="C10" s="2">
        <v>11000</v>
      </c>
      <c r="D10" s="3">
        <v>13500</v>
      </c>
      <c r="E10" s="3">
        <v>5500</v>
      </c>
      <c r="F10" s="3">
        <v>30000</v>
      </c>
      <c r="G10" s="30">
        <v>45.81</v>
      </c>
      <c r="H10" s="19"/>
      <c r="I10" s="18"/>
    </row>
    <row r="11" spans="1:9" ht="15.75" customHeight="1" x14ac:dyDescent="0.2">
      <c r="A11" s="12"/>
      <c r="B11" s="13" t="s">
        <v>13</v>
      </c>
      <c r="C11" s="2">
        <v>22500</v>
      </c>
      <c r="D11" s="3">
        <v>30000</v>
      </c>
      <c r="E11" s="3">
        <v>3000</v>
      </c>
      <c r="F11" s="3">
        <v>55500</v>
      </c>
      <c r="G11" s="30">
        <v>72.760000000000005</v>
      </c>
      <c r="H11" s="19"/>
      <c r="I11" s="18"/>
    </row>
    <row r="12" spans="1:9" ht="15.75" customHeight="1" thickBot="1" x14ac:dyDescent="0.25">
      <c r="A12" s="12"/>
      <c r="B12" s="13" t="s">
        <v>14</v>
      </c>
      <c r="C12" s="2">
        <v>31500</v>
      </c>
      <c r="D12" s="3">
        <v>47000</v>
      </c>
      <c r="E12" s="3">
        <v>10000</v>
      </c>
      <c r="F12" s="3">
        <v>88500</v>
      </c>
      <c r="G12" s="30">
        <v>92.02</v>
      </c>
      <c r="H12" s="19"/>
      <c r="I12" s="18"/>
    </row>
    <row r="13" spans="1:9" ht="15.75" customHeight="1" thickTop="1" x14ac:dyDescent="0.2">
      <c r="A13" s="49" t="s">
        <v>15</v>
      </c>
      <c r="B13" s="50"/>
      <c r="C13" s="20">
        <v>65000</v>
      </c>
      <c r="D13" s="21">
        <v>90500</v>
      </c>
      <c r="E13" s="21">
        <v>18500</v>
      </c>
      <c r="F13" s="21">
        <v>174000</v>
      </c>
      <c r="G13" s="31">
        <v>73.13</v>
      </c>
      <c r="H13" s="19"/>
      <c r="I13" s="18"/>
    </row>
    <row r="14" spans="1:9" ht="14.4" thickBot="1" x14ac:dyDescent="0.25">
      <c r="A14" s="22"/>
      <c r="B14" s="23" t="s">
        <v>172</v>
      </c>
      <c r="C14" s="36"/>
      <c r="D14" s="37"/>
      <c r="E14" s="37"/>
      <c r="F14" s="37"/>
      <c r="G14" s="38"/>
    </row>
  </sheetData>
  <mergeCells count="10">
    <mergeCell ref="A2:B2"/>
    <mergeCell ref="A4:B4"/>
    <mergeCell ref="A5:B5"/>
    <mergeCell ref="A6:B6"/>
    <mergeCell ref="A7:B7"/>
    <mergeCell ref="A8:B8"/>
    <mergeCell ref="A9:B9"/>
    <mergeCell ref="A13:B13"/>
    <mergeCell ref="F5:F8"/>
    <mergeCell ref="G5:G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I13"/>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7"/>
      <c r="I4" s="17" t="s">
        <v>184</v>
      </c>
    </row>
    <row r="5" spans="1:9" ht="15.75" customHeight="1" x14ac:dyDescent="0.2">
      <c r="A5" s="59" t="s">
        <v>0</v>
      </c>
      <c r="B5" s="60"/>
      <c r="C5" s="4" t="s">
        <v>74</v>
      </c>
      <c r="D5" s="6" t="s">
        <v>75</v>
      </c>
      <c r="E5" s="8" t="s">
        <v>76</v>
      </c>
      <c r="F5" s="6" t="s">
        <v>77</v>
      </c>
      <c r="G5" s="8" t="s">
        <v>78</v>
      </c>
      <c r="H5" s="51" t="s">
        <v>9</v>
      </c>
      <c r="I5" s="67" t="s">
        <v>10</v>
      </c>
    </row>
    <row r="6" spans="1:9" ht="15.75" customHeight="1" x14ac:dyDescent="0.2">
      <c r="A6" s="61"/>
      <c r="B6" s="62"/>
      <c r="C6" s="5" t="s">
        <v>3</v>
      </c>
      <c r="D6" s="7" t="s">
        <v>3</v>
      </c>
      <c r="E6" s="5" t="s">
        <v>3</v>
      </c>
      <c r="F6" s="7" t="s">
        <v>3</v>
      </c>
      <c r="G6" s="5" t="s">
        <v>3</v>
      </c>
      <c r="H6" s="52"/>
      <c r="I6" s="68"/>
    </row>
    <row r="7" spans="1:9" ht="15.75" customHeight="1" x14ac:dyDescent="0.2">
      <c r="A7" s="63" t="s">
        <v>1</v>
      </c>
      <c r="B7" s="64"/>
      <c r="C7" s="5" t="s">
        <v>6</v>
      </c>
      <c r="D7" s="7" t="s">
        <v>22</v>
      </c>
      <c r="E7" s="5" t="s">
        <v>24</v>
      </c>
      <c r="F7" s="7" t="s">
        <v>20</v>
      </c>
      <c r="G7" s="5" t="s">
        <v>8</v>
      </c>
      <c r="H7" s="52"/>
      <c r="I7" s="68"/>
    </row>
    <row r="8" spans="1:9" ht="15.75" customHeight="1" x14ac:dyDescent="0.2">
      <c r="A8" s="45"/>
      <c r="B8" s="46"/>
      <c r="C8" s="14" t="s">
        <v>3</v>
      </c>
      <c r="D8" s="15" t="s">
        <v>3</v>
      </c>
      <c r="E8" s="14" t="s">
        <v>3</v>
      </c>
      <c r="F8" s="15" t="s">
        <v>3</v>
      </c>
      <c r="G8" s="14" t="s">
        <v>3</v>
      </c>
      <c r="H8" s="53"/>
      <c r="I8" s="69"/>
    </row>
    <row r="9" spans="1:9" ht="15.75" customHeight="1" x14ac:dyDescent="0.2">
      <c r="A9" s="47" t="s">
        <v>70</v>
      </c>
      <c r="B9" s="48"/>
      <c r="C9" s="2">
        <v>41479</v>
      </c>
      <c r="D9" s="3">
        <v>11498</v>
      </c>
      <c r="E9" s="3">
        <v>25269</v>
      </c>
      <c r="F9" s="3">
        <v>10345</v>
      </c>
      <c r="G9" s="3">
        <v>27525</v>
      </c>
      <c r="H9" s="3">
        <v>116116</v>
      </c>
      <c r="I9" s="32">
        <v>69.16</v>
      </c>
    </row>
    <row r="10" spans="1:9" ht="15.75" customHeight="1" x14ac:dyDescent="0.2">
      <c r="A10" s="12"/>
      <c r="B10" s="13" t="s">
        <v>79</v>
      </c>
      <c r="C10" s="2">
        <v>33479</v>
      </c>
      <c r="D10" s="3">
        <v>8998</v>
      </c>
      <c r="E10" s="3">
        <v>17269</v>
      </c>
      <c r="F10" s="3">
        <v>8845</v>
      </c>
      <c r="G10" s="3">
        <v>19525</v>
      </c>
      <c r="H10" s="3">
        <v>88116</v>
      </c>
      <c r="I10" s="32">
        <v>100</v>
      </c>
    </row>
    <row r="11" spans="1:9" ht="15.75" customHeight="1" thickBot="1" x14ac:dyDescent="0.25">
      <c r="A11" s="12"/>
      <c r="B11" s="13" t="s">
        <v>80</v>
      </c>
      <c r="C11" s="2">
        <v>8000</v>
      </c>
      <c r="D11" s="3">
        <v>2500</v>
      </c>
      <c r="E11" s="3">
        <v>8000</v>
      </c>
      <c r="F11" s="3">
        <v>1500</v>
      </c>
      <c r="G11" s="3">
        <v>8000</v>
      </c>
      <c r="H11" s="3">
        <v>28000</v>
      </c>
      <c r="I11" s="32">
        <v>34.49</v>
      </c>
    </row>
    <row r="12" spans="1:9" ht="15.75" customHeight="1" thickTop="1" x14ac:dyDescent="0.2">
      <c r="A12" s="65" t="s">
        <v>81</v>
      </c>
      <c r="B12" s="66"/>
      <c r="C12" s="28">
        <v>41479</v>
      </c>
      <c r="D12" s="29">
        <v>11498</v>
      </c>
      <c r="E12" s="29">
        <v>25269</v>
      </c>
      <c r="F12" s="29">
        <v>10345</v>
      </c>
      <c r="G12" s="29">
        <v>27525</v>
      </c>
      <c r="H12" s="29">
        <v>116116</v>
      </c>
      <c r="I12" s="33">
        <v>69.16</v>
      </c>
    </row>
    <row r="13" spans="1:9" ht="14.4" thickBot="1" x14ac:dyDescent="0.25">
      <c r="A13" s="26"/>
      <c r="B13" s="27" t="s">
        <v>172</v>
      </c>
      <c r="C13" s="39"/>
      <c r="D13" s="40"/>
      <c r="E13" s="40"/>
      <c r="F13" s="40"/>
      <c r="G13" s="40"/>
      <c r="H13" s="41"/>
      <c r="I13" s="42"/>
    </row>
  </sheetData>
  <mergeCells count="10">
    <mergeCell ref="A2:B2"/>
    <mergeCell ref="A4:B4"/>
    <mergeCell ref="A5:B5"/>
    <mergeCell ref="A6:B6"/>
    <mergeCell ref="A7:B7"/>
    <mergeCell ref="A8:B8"/>
    <mergeCell ref="A9:B9"/>
    <mergeCell ref="A12:B12"/>
    <mergeCell ref="H5:H8"/>
    <mergeCell ref="I5:I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I12"/>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
      <c r="I4" s="1" t="s">
        <v>185</v>
      </c>
    </row>
    <row r="5" spans="1:9" ht="15.75" customHeight="1" x14ac:dyDescent="0.2">
      <c r="A5" s="59" t="s">
        <v>0</v>
      </c>
      <c r="B5" s="60"/>
      <c r="C5" s="4" t="s">
        <v>82</v>
      </c>
      <c r="D5" s="6" t="s">
        <v>83</v>
      </c>
      <c r="E5" s="8" t="s">
        <v>84</v>
      </c>
      <c r="F5" s="51" t="s">
        <v>9</v>
      </c>
      <c r="G5" s="54" t="s">
        <v>10</v>
      </c>
      <c r="H5" s="19"/>
      <c r="I5" s="18"/>
    </row>
    <row r="6" spans="1:9" ht="15.75" customHeight="1" x14ac:dyDescent="0.2">
      <c r="A6" s="61"/>
      <c r="B6" s="62"/>
      <c r="C6" s="5" t="s">
        <v>3</v>
      </c>
      <c r="D6" s="7" t="s">
        <v>3</v>
      </c>
      <c r="E6" s="5" t="s">
        <v>3</v>
      </c>
      <c r="F6" s="52"/>
      <c r="G6" s="55"/>
      <c r="H6" s="19"/>
      <c r="I6" s="18"/>
    </row>
    <row r="7" spans="1:9" ht="15.75" customHeight="1" x14ac:dyDescent="0.2">
      <c r="A7" s="63" t="s">
        <v>1</v>
      </c>
      <c r="B7" s="64"/>
      <c r="C7" s="5" t="s">
        <v>6</v>
      </c>
      <c r="D7" s="7" t="s">
        <v>20</v>
      </c>
      <c r="E7" s="5" t="s">
        <v>22</v>
      </c>
      <c r="F7" s="52"/>
      <c r="G7" s="55"/>
      <c r="H7" s="19"/>
      <c r="I7" s="18"/>
    </row>
    <row r="8" spans="1:9" ht="15.75" customHeight="1" x14ac:dyDescent="0.2">
      <c r="A8" s="45"/>
      <c r="B8" s="46"/>
      <c r="C8" s="14" t="s">
        <v>3</v>
      </c>
      <c r="D8" s="15" t="s">
        <v>3</v>
      </c>
      <c r="E8" s="14" t="s">
        <v>3</v>
      </c>
      <c r="F8" s="53"/>
      <c r="G8" s="56"/>
      <c r="H8" s="19"/>
      <c r="I8" s="18"/>
    </row>
    <row r="9" spans="1:9" ht="15.75" customHeight="1" x14ac:dyDescent="0.2">
      <c r="A9" s="47" t="s">
        <v>85</v>
      </c>
      <c r="B9" s="48"/>
      <c r="C9" s="2">
        <v>134147</v>
      </c>
      <c r="D9" s="3">
        <v>17392</v>
      </c>
      <c r="E9" s="3">
        <v>17280</v>
      </c>
      <c r="F9" s="3">
        <v>168819</v>
      </c>
      <c r="G9" s="30">
        <v>96.16</v>
      </c>
      <c r="H9" s="19"/>
      <c r="I9" s="18"/>
    </row>
    <row r="10" spans="1:9" ht="15.75" customHeight="1" thickBot="1" x14ac:dyDescent="0.25">
      <c r="A10" s="47" t="s">
        <v>86</v>
      </c>
      <c r="B10" s="48"/>
      <c r="C10" s="2">
        <v>14882</v>
      </c>
      <c r="D10" s="3">
        <v>1799</v>
      </c>
      <c r="E10" s="3">
        <v>2019</v>
      </c>
      <c r="F10" s="3">
        <v>18700</v>
      </c>
      <c r="G10" s="30">
        <v>100</v>
      </c>
      <c r="H10" s="19"/>
      <c r="I10" s="18"/>
    </row>
    <row r="11" spans="1:9" ht="15.75" customHeight="1" thickTop="1" x14ac:dyDescent="0.2">
      <c r="A11" s="65" t="s">
        <v>87</v>
      </c>
      <c r="B11" s="66"/>
      <c r="C11" s="28">
        <v>149029</v>
      </c>
      <c r="D11" s="29">
        <v>19191</v>
      </c>
      <c r="E11" s="29">
        <v>19299</v>
      </c>
      <c r="F11" s="29">
        <v>187519</v>
      </c>
      <c r="G11" s="33">
        <v>96.55</v>
      </c>
      <c r="H11" s="19"/>
      <c r="I11" s="18"/>
    </row>
    <row r="12" spans="1:9" ht="14.4" thickBot="1" x14ac:dyDescent="0.25">
      <c r="A12" s="26"/>
      <c r="B12" s="27" t="s">
        <v>172</v>
      </c>
      <c r="C12" s="39"/>
      <c r="D12" s="40"/>
      <c r="E12" s="40"/>
      <c r="F12" s="41"/>
      <c r="G12" s="42"/>
    </row>
  </sheetData>
  <mergeCells count="11">
    <mergeCell ref="A2:B2"/>
    <mergeCell ref="A4:B4"/>
    <mergeCell ref="A5:B5"/>
    <mergeCell ref="A6:B6"/>
    <mergeCell ref="A7:B7"/>
    <mergeCell ref="G5:G8"/>
    <mergeCell ref="A8:B8"/>
    <mergeCell ref="A9:B9"/>
    <mergeCell ref="A10:B10"/>
    <mergeCell ref="A11:B11"/>
    <mergeCell ref="F5:F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pageSetUpPr fitToPage="1"/>
  </sheetPr>
  <dimension ref="A1:I13"/>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7"/>
      <c r="I4" s="1" t="s">
        <v>186</v>
      </c>
    </row>
    <row r="5" spans="1:9" ht="15.75" customHeight="1" x14ac:dyDescent="0.2">
      <c r="A5" s="59" t="s">
        <v>0</v>
      </c>
      <c r="B5" s="60"/>
      <c r="C5" s="4" t="s">
        <v>88</v>
      </c>
      <c r="D5" s="6" t="s">
        <v>89</v>
      </c>
      <c r="E5" s="8" t="s">
        <v>90</v>
      </c>
      <c r="F5" s="6" t="s">
        <v>91</v>
      </c>
      <c r="G5" s="54" t="s">
        <v>9</v>
      </c>
      <c r="H5" s="51" t="s">
        <v>10</v>
      </c>
      <c r="I5" s="19"/>
    </row>
    <row r="6" spans="1:9" ht="15.75" customHeight="1" x14ac:dyDescent="0.2">
      <c r="A6" s="61"/>
      <c r="B6" s="62"/>
      <c r="C6" s="5" t="s">
        <v>3</v>
      </c>
      <c r="D6" s="7" t="s">
        <v>3</v>
      </c>
      <c r="E6" s="5" t="s">
        <v>3</v>
      </c>
      <c r="F6" s="7" t="s">
        <v>3</v>
      </c>
      <c r="G6" s="55"/>
      <c r="H6" s="52"/>
      <c r="I6" s="19"/>
    </row>
    <row r="7" spans="1:9" ht="15.75" customHeight="1" x14ac:dyDescent="0.2">
      <c r="A7" s="63" t="s">
        <v>1</v>
      </c>
      <c r="B7" s="64"/>
      <c r="C7" s="5" t="s">
        <v>4</v>
      </c>
      <c r="D7" s="7" t="s">
        <v>22</v>
      </c>
      <c r="E7" s="5" t="s">
        <v>6</v>
      </c>
      <c r="F7" s="7" t="s">
        <v>92</v>
      </c>
      <c r="G7" s="55"/>
      <c r="H7" s="52"/>
      <c r="I7" s="19"/>
    </row>
    <row r="8" spans="1:9" ht="15.75" customHeight="1" x14ac:dyDescent="0.2">
      <c r="A8" s="45"/>
      <c r="B8" s="46"/>
      <c r="C8" s="14" t="s">
        <v>3</v>
      </c>
      <c r="D8" s="15" t="s">
        <v>3</v>
      </c>
      <c r="E8" s="14" t="s">
        <v>3</v>
      </c>
      <c r="F8" s="15" t="s">
        <v>3</v>
      </c>
      <c r="G8" s="56"/>
      <c r="H8" s="53"/>
      <c r="I8" s="19"/>
    </row>
    <row r="9" spans="1:9" ht="15.75" customHeight="1" x14ac:dyDescent="0.2">
      <c r="A9" s="47" t="s">
        <v>93</v>
      </c>
      <c r="B9" s="48"/>
      <c r="C9" s="2">
        <v>70000</v>
      </c>
      <c r="D9" s="3">
        <v>10000</v>
      </c>
      <c r="E9" s="3">
        <v>95000</v>
      </c>
      <c r="F9" s="3">
        <v>19000</v>
      </c>
      <c r="G9" s="3">
        <v>194000</v>
      </c>
      <c r="H9" s="30">
        <v>93.95</v>
      </c>
      <c r="I9" s="19"/>
    </row>
    <row r="10" spans="1:9" ht="15.75" customHeight="1" x14ac:dyDescent="0.2">
      <c r="A10" s="47" t="s">
        <v>94</v>
      </c>
      <c r="B10" s="48"/>
      <c r="C10" s="2">
        <v>7107</v>
      </c>
      <c r="D10" s="3">
        <v>970</v>
      </c>
      <c r="E10" s="3">
        <v>9320</v>
      </c>
      <c r="F10" s="3">
        <v>1609</v>
      </c>
      <c r="G10" s="3">
        <v>19006</v>
      </c>
      <c r="H10" s="30">
        <v>100</v>
      </c>
      <c r="I10" s="19"/>
    </row>
    <row r="11" spans="1:9" ht="15.75" customHeight="1" thickBot="1" x14ac:dyDescent="0.25">
      <c r="A11" s="12"/>
      <c r="B11" s="13" t="s">
        <v>95</v>
      </c>
      <c r="C11" s="2">
        <v>7107</v>
      </c>
      <c r="D11" s="3">
        <v>970</v>
      </c>
      <c r="E11" s="3">
        <v>9320</v>
      </c>
      <c r="F11" s="3">
        <v>1609</v>
      </c>
      <c r="G11" s="3">
        <v>19006</v>
      </c>
      <c r="H11" s="30">
        <v>100</v>
      </c>
      <c r="I11" s="19"/>
    </row>
    <row r="12" spans="1:9" ht="15.75" customHeight="1" thickTop="1" x14ac:dyDescent="0.2">
      <c r="A12" s="65" t="s">
        <v>96</v>
      </c>
      <c r="B12" s="66"/>
      <c r="C12" s="28">
        <v>77107</v>
      </c>
      <c r="D12" s="29">
        <v>10970</v>
      </c>
      <c r="E12" s="29">
        <v>104320</v>
      </c>
      <c r="F12" s="29">
        <v>20609</v>
      </c>
      <c r="G12" s="29">
        <v>213006</v>
      </c>
      <c r="H12" s="33">
        <v>94.47</v>
      </c>
      <c r="I12" s="19"/>
    </row>
    <row r="13" spans="1:9" ht="14.4" thickBot="1" x14ac:dyDescent="0.25">
      <c r="A13" s="26"/>
      <c r="B13" s="27" t="s">
        <v>172</v>
      </c>
      <c r="C13" s="39"/>
      <c r="D13" s="40"/>
      <c r="E13" s="40"/>
      <c r="F13" s="40"/>
      <c r="G13" s="41"/>
      <c r="H13" s="42"/>
    </row>
  </sheetData>
  <mergeCells count="11">
    <mergeCell ref="A2:B2"/>
    <mergeCell ref="A4:B4"/>
    <mergeCell ref="A5:B5"/>
    <mergeCell ref="A6:B6"/>
    <mergeCell ref="A7:B7"/>
    <mergeCell ref="H5:H8"/>
    <mergeCell ref="A8:B8"/>
    <mergeCell ref="A9:B9"/>
    <mergeCell ref="A10:B10"/>
    <mergeCell ref="A12:B12"/>
    <mergeCell ref="G5:G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A1:I14"/>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
      <c r="I4" s="1" t="s">
        <v>187</v>
      </c>
    </row>
    <row r="5" spans="1:9" ht="15.75" customHeight="1" x14ac:dyDescent="0.2">
      <c r="A5" s="59" t="s">
        <v>0</v>
      </c>
      <c r="B5" s="60"/>
      <c r="C5" s="4" t="s">
        <v>97</v>
      </c>
      <c r="D5" s="6" t="s">
        <v>98</v>
      </c>
      <c r="E5" s="8" t="s">
        <v>99</v>
      </c>
      <c r="F5" s="51" t="s">
        <v>9</v>
      </c>
      <c r="G5" s="54" t="s">
        <v>10</v>
      </c>
      <c r="H5" s="19"/>
      <c r="I5" s="18"/>
    </row>
    <row r="6" spans="1:9" ht="15.75" customHeight="1" x14ac:dyDescent="0.2">
      <c r="A6" s="61"/>
      <c r="B6" s="62"/>
      <c r="C6" s="5" t="s">
        <v>3</v>
      </c>
      <c r="D6" s="7" t="s">
        <v>3</v>
      </c>
      <c r="E6" s="5" t="s">
        <v>3</v>
      </c>
      <c r="F6" s="52"/>
      <c r="G6" s="55"/>
      <c r="H6" s="19"/>
      <c r="I6" s="18"/>
    </row>
    <row r="7" spans="1:9" ht="15.75" customHeight="1" x14ac:dyDescent="0.2">
      <c r="A7" s="63" t="s">
        <v>1</v>
      </c>
      <c r="B7" s="64"/>
      <c r="C7" s="5" t="s">
        <v>4</v>
      </c>
      <c r="D7" s="7" t="s">
        <v>6</v>
      </c>
      <c r="E7" s="5" t="s">
        <v>20</v>
      </c>
      <c r="F7" s="52"/>
      <c r="G7" s="55"/>
      <c r="H7" s="19"/>
      <c r="I7" s="18"/>
    </row>
    <row r="8" spans="1:9" ht="15.75" customHeight="1" x14ac:dyDescent="0.2">
      <c r="A8" s="45"/>
      <c r="B8" s="46"/>
      <c r="C8" s="14" t="s">
        <v>3</v>
      </c>
      <c r="D8" s="15" t="s">
        <v>3</v>
      </c>
      <c r="E8" s="14" t="s">
        <v>3</v>
      </c>
      <c r="F8" s="53"/>
      <c r="G8" s="56"/>
      <c r="H8" s="19"/>
      <c r="I8" s="18"/>
    </row>
    <row r="9" spans="1:9" ht="15.75" customHeight="1" x14ac:dyDescent="0.2">
      <c r="A9" s="47" t="s">
        <v>11</v>
      </c>
      <c r="B9" s="48"/>
      <c r="C9" s="2">
        <v>12500</v>
      </c>
      <c r="D9" s="3">
        <v>12500</v>
      </c>
      <c r="E9" s="3">
        <v>2500</v>
      </c>
      <c r="F9" s="3">
        <v>27500</v>
      </c>
      <c r="G9" s="30">
        <v>49.42</v>
      </c>
      <c r="H9" s="19"/>
      <c r="I9" s="18"/>
    </row>
    <row r="10" spans="1:9" ht="15.75" customHeight="1" x14ac:dyDescent="0.2">
      <c r="A10" s="12"/>
      <c r="B10" s="13" t="s">
        <v>100</v>
      </c>
      <c r="C10" s="2">
        <v>12500</v>
      </c>
      <c r="D10" s="3">
        <v>12500</v>
      </c>
      <c r="E10" s="3">
        <v>2500</v>
      </c>
      <c r="F10" s="3">
        <v>27500</v>
      </c>
      <c r="G10" s="30">
        <v>49.42</v>
      </c>
      <c r="H10" s="19"/>
      <c r="I10" s="18"/>
    </row>
    <row r="11" spans="1:9" ht="15.75" customHeight="1" x14ac:dyDescent="0.2">
      <c r="A11" s="47" t="s">
        <v>101</v>
      </c>
      <c r="B11" s="48"/>
      <c r="C11" s="2">
        <v>42500</v>
      </c>
      <c r="D11" s="3">
        <v>42500</v>
      </c>
      <c r="E11" s="3">
        <v>12500</v>
      </c>
      <c r="F11" s="3">
        <v>97500</v>
      </c>
      <c r="G11" s="30">
        <v>87.33</v>
      </c>
      <c r="H11" s="19"/>
      <c r="I11" s="18"/>
    </row>
    <row r="12" spans="1:9" ht="15.75" customHeight="1" thickBot="1" x14ac:dyDescent="0.25">
      <c r="A12" s="47" t="s">
        <v>102</v>
      </c>
      <c r="B12" s="48"/>
      <c r="C12" s="2">
        <v>12366</v>
      </c>
      <c r="D12" s="3">
        <v>16394</v>
      </c>
      <c r="E12" s="3">
        <v>3895</v>
      </c>
      <c r="F12" s="3">
        <v>32655</v>
      </c>
      <c r="G12" s="30">
        <v>97.59</v>
      </c>
      <c r="H12" s="19"/>
      <c r="I12" s="18"/>
    </row>
    <row r="13" spans="1:9" ht="15.75" customHeight="1" thickTop="1" x14ac:dyDescent="0.2">
      <c r="A13" s="65" t="s">
        <v>103</v>
      </c>
      <c r="B13" s="66"/>
      <c r="C13" s="28">
        <v>67366</v>
      </c>
      <c r="D13" s="29">
        <v>71394</v>
      </c>
      <c r="E13" s="29">
        <v>18895</v>
      </c>
      <c r="F13" s="29">
        <v>157655</v>
      </c>
      <c r="G13" s="33">
        <v>78.540000000000006</v>
      </c>
      <c r="H13" s="19"/>
      <c r="I13" s="18"/>
    </row>
    <row r="14" spans="1:9" ht="14.4" thickBot="1" x14ac:dyDescent="0.25">
      <c r="A14" s="26"/>
      <c r="B14" s="27" t="s">
        <v>172</v>
      </c>
      <c r="C14" s="39"/>
      <c r="D14" s="40"/>
      <c r="E14" s="40"/>
      <c r="F14" s="41"/>
      <c r="G14" s="42"/>
    </row>
  </sheetData>
  <mergeCells count="12">
    <mergeCell ref="A12:B12"/>
    <mergeCell ref="A13:B13"/>
    <mergeCell ref="A2:B2"/>
    <mergeCell ref="A4:B4"/>
    <mergeCell ref="A5:B5"/>
    <mergeCell ref="A6:B6"/>
    <mergeCell ref="A7:B7"/>
    <mergeCell ref="F5:F8"/>
    <mergeCell ref="G5:G8"/>
    <mergeCell ref="A8:B8"/>
    <mergeCell ref="A9:B9"/>
    <mergeCell ref="A11:B11"/>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pageSetUpPr fitToPage="1"/>
  </sheetPr>
  <dimension ref="A1:I16"/>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7"/>
      <c r="I4" s="1" t="s">
        <v>188</v>
      </c>
    </row>
    <row r="5" spans="1:9" ht="15.75" customHeight="1" x14ac:dyDescent="0.2">
      <c r="A5" s="59" t="s">
        <v>0</v>
      </c>
      <c r="B5" s="60"/>
      <c r="C5" s="4" t="s">
        <v>104</v>
      </c>
      <c r="D5" s="6" t="s">
        <v>105</v>
      </c>
      <c r="E5" s="8" t="s">
        <v>106</v>
      </c>
      <c r="F5" s="6" t="s">
        <v>107</v>
      </c>
      <c r="G5" s="54" t="s">
        <v>9</v>
      </c>
      <c r="H5" s="51" t="s">
        <v>10</v>
      </c>
      <c r="I5" s="19"/>
    </row>
    <row r="6" spans="1:9" ht="15.75" customHeight="1" x14ac:dyDescent="0.2">
      <c r="A6" s="61"/>
      <c r="B6" s="62"/>
      <c r="C6" s="5" t="s">
        <v>3</v>
      </c>
      <c r="D6" s="7" t="s">
        <v>3</v>
      </c>
      <c r="E6" s="5" t="s">
        <v>3</v>
      </c>
      <c r="F6" s="7" t="s">
        <v>3</v>
      </c>
      <c r="G6" s="55"/>
      <c r="H6" s="52"/>
      <c r="I6" s="19"/>
    </row>
    <row r="7" spans="1:9" ht="15.75" customHeight="1" x14ac:dyDescent="0.2">
      <c r="A7" s="63" t="s">
        <v>1</v>
      </c>
      <c r="B7" s="64"/>
      <c r="C7" s="5" t="s">
        <v>20</v>
      </c>
      <c r="D7" s="7" t="s">
        <v>6</v>
      </c>
      <c r="E7" s="5" t="s">
        <v>22</v>
      </c>
      <c r="F7" s="7" t="s">
        <v>4</v>
      </c>
      <c r="G7" s="55"/>
      <c r="H7" s="52"/>
      <c r="I7" s="19"/>
    </row>
    <row r="8" spans="1:9" ht="15.75" customHeight="1" x14ac:dyDescent="0.2">
      <c r="A8" s="45"/>
      <c r="B8" s="46"/>
      <c r="C8" s="14" t="s">
        <v>3</v>
      </c>
      <c r="D8" s="15" t="s">
        <v>3</v>
      </c>
      <c r="E8" s="14" t="s">
        <v>3</v>
      </c>
      <c r="F8" s="15" t="s">
        <v>3</v>
      </c>
      <c r="G8" s="56"/>
      <c r="H8" s="53"/>
      <c r="I8" s="19"/>
    </row>
    <row r="9" spans="1:9" ht="15.75" customHeight="1" x14ac:dyDescent="0.2">
      <c r="A9" s="47" t="s">
        <v>108</v>
      </c>
      <c r="B9" s="48"/>
      <c r="C9" s="2">
        <v>17500</v>
      </c>
      <c r="D9" s="3">
        <v>65500</v>
      </c>
      <c r="E9" s="3">
        <v>8500</v>
      </c>
      <c r="F9" s="3">
        <v>49500</v>
      </c>
      <c r="G9" s="3">
        <v>141000</v>
      </c>
      <c r="H9" s="30">
        <v>73.414999999999992</v>
      </c>
      <c r="I9" s="19"/>
    </row>
    <row r="10" spans="1:9" ht="15.75" customHeight="1" x14ac:dyDescent="0.2">
      <c r="A10" s="12"/>
      <c r="B10" s="13" t="s">
        <v>109</v>
      </c>
      <c r="C10" s="2">
        <v>8000</v>
      </c>
      <c r="D10" s="3">
        <v>25000</v>
      </c>
      <c r="E10" s="3">
        <v>4500</v>
      </c>
      <c r="F10" s="3">
        <v>22000</v>
      </c>
      <c r="G10" s="3">
        <v>59500</v>
      </c>
      <c r="H10" s="30">
        <v>77.53</v>
      </c>
      <c r="I10" s="19"/>
    </row>
    <row r="11" spans="1:9" ht="15.75" customHeight="1" x14ac:dyDescent="0.2">
      <c r="A11" s="12"/>
      <c r="B11" s="13" t="s">
        <v>110</v>
      </c>
      <c r="C11" s="2">
        <v>9500</v>
      </c>
      <c r="D11" s="3">
        <v>40500</v>
      </c>
      <c r="E11" s="3">
        <v>4000</v>
      </c>
      <c r="F11" s="3">
        <v>27500</v>
      </c>
      <c r="G11" s="3">
        <v>81500</v>
      </c>
      <c r="H11" s="30">
        <v>69.3</v>
      </c>
      <c r="I11" s="19"/>
    </row>
    <row r="12" spans="1:9" ht="15.75" customHeight="1" x14ac:dyDescent="0.2">
      <c r="A12" s="47" t="s">
        <v>111</v>
      </c>
      <c r="B12" s="48"/>
      <c r="C12" s="2">
        <v>1763</v>
      </c>
      <c r="D12" s="3">
        <v>8152</v>
      </c>
      <c r="E12" s="3">
        <v>919</v>
      </c>
      <c r="F12" s="3">
        <v>4783</v>
      </c>
      <c r="G12" s="3">
        <v>15617</v>
      </c>
      <c r="H12" s="30">
        <v>100</v>
      </c>
      <c r="I12" s="19"/>
    </row>
    <row r="13" spans="1:9" ht="15.75" customHeight="1" x14ac:dyDescent="0.2">
      <c r="A13" s="12"/>
      <c r="B13" s="13" t="s">
        <v>112</v>
      </c>
      <c r="C13" s="2">
        <v>1648</v>
      </c>
      <c r="D13" s="3">
        <v>7313</v>
      </c>
      <c r="E13" s="3">
        <v>848</v>
      </c>
      <c r="F13" s="3">
        <v>4469</v>
      </c>
      <c r="G13" s="3">
        <v>14278</v>
      </c>
      <c r="H13" s="30">
        <v>100</v>
      </c>
      <c r="I13" s="19"/>
    </row>
    <row r="14" spans="1:9" ht="15.75" customHeight="1" thickBot="1" x14ac:dyDescent="0.25">
      <c r="A14" s="12"/>
      <c r="B14" s="13" t="s">
        <v>113</v>
      </c>
      <c r="C14" s="2">
        <v>115</v>
      </c>
      <c r="D14" s="3">
        <v>839</v>
      </c>
      <c r="E14" s="3">
        <v>71</v>
      </c>
      <c r="F14" s="3">
        <v>314</v>
      </c>
      <c r="G14" s="3">
        <v>1339</v>
      </c>
      <c r="H14" s="30">
        <v>100</v>
      </c>
      <c r="I14" s="19"/>
    </row>
    <row r="15" spans="1:9" ht="15.75" customHeight="1" thickTop="1" x14ac:dyDescent="0.2">
      <c r="A15" s="65" t="s">
        <v>114</v>
      </c>
      <c r="B15" s="66"/>
      <c r="C15" s="28">
        <v>19263</v>
      </c>
      <c r="D15" s="29">
        <v>73652</v>
      </c>
      <c r="E15" s="29">
        <v>9419</v>
      </c>
      <c r="F15" s="29">
        <v>54283</v>
      </c>
      <c r="G15" s="29">
        <v>156617</v>
      </c>
      <c r="H15" s="33">
        <v>74.63</v>
      </c>
      <c r="I15" s="19"/>
    </row>
    <row r="16" spans="1:9" ht="14.4" thickBot="1" x14ac:dyDescent="0.25">
      <c r="A16" s="26"/>
      <c r="B16" s="27" t="s">
        <v>172</v>
      </c>
      <c r="C16" s="39"/>
      <c r="D16" s="40"/>
      <c r="E16" s="40"/>
      <c r="F16" s="40"/>
      <c r="G16" s="41"/>
      <c r="H16" s="42"/>
    </row>
  </sheetData>
  <mergeCells count="11">
    <mergeCell ref="A2:B2"/>
    <mergeCell ref="A4:B4"/>
    <mergeCell ref="A5:B5"/>
    <mergeCell ref="A6:B6"/>
    <mergeCell ref="A7:B7"/>
    <mergeCell ref="H5:H8"/>
    <mergeCell ref="A8:B8"/>
    <mergeCell ref="A9:B9"/>
    <mergeCell ref="A12:B12"/>
    <mergeCell ref="A15:B15"/>
    <mergeCell ref="G5:G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pageSetUpPr fitToPage="1"/>
  </sheetPr>
  <dimension ref="A1:I14"/>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7"/>
      <c r="I4" s="1" t="s">
        <v>189</v>
      </c>
    </row>
    <row r="5" spans="1:9" ht="15.75" customHeight="1" x14ac:dyDescent="0.2">
      <c r="A5" s="59" t="s">
        <v>0</v>
      </c>
      <c r="B5" s="60"/>
      <c r="C5" s="4" t="s">
        <v>115</v>
      </c>
      <c r="D5" s="6" t="s">
        <v>116</v>
      </c>
      <c r="E5" s="8" t="s">
        <v>117</v>
      </c>
      <c r="F5" s="6" t="s">
        <v>119</v>
      </c>
      <c r="G5" s="54" t="s">
        <v>9</v>
      </c>
      <c r="H5" s="51" t="s">
        <v>10</v>
      </c>
      <c r="I5" s="19"/>
    </row>
    <row r="6" spans="1:9" ht="15.75" customHeight="1" x14ac:dyDescent="0.2">
      <c r="A6" s="61"/>
      <c r="B6" s="62"/>
      <c r="C6" s="5" t="s">
        <v>3</v>
      </c>
      <c r="D6" s="7" t="s">
        <v>3</v>
      </c>
      <c r="E6" s="5" t="s">
        <v>3</v>
      </c>
      <c r="F6" s="7" t="s">
        <v>3</v>
      </c>
      <c r="G6" s="55"/>
      <c r="H6" s="52"/>
      <c r="I6" s="19"/>
    </row>
    <row r="7" spans="1:9" ht="15.75" customHeight="1" x14ac:dyDescent="0.2">
      <c r="A7" s="63" t="s">
        <v>1</v>
      </c>
      <c r="B7" s="64"/>
      <c r="C7" s="5" t="s">
        <v>6</v>
      </c>
      <c r="D7" s="7" t="s">
        <v>20</v>
      </c>
      <c r="E7" s="5" t="s">
        <v>118</v>
      </c>
      <c r="F7" s="7" t="s">
        <v>120</v>
      </c>
      <c r="G7" s="55"/>
      <c r="H7" s="52"/>
      <c r="I7" s="19"/>
    </row>
    <row r="8" spans="1:9" ht="15.75" customHeight="1" x14ac:dyDescent="0.2">
      <c r="A8" s="45"/>
      <c r="B8" s="46"/>
      <c r="C8" s="14" t="s">
        <v>3</v>
      </c>
      <c r="D8" s="15" t="s">
        <v>3</v>
      </c>
      <c r="E8" s="14" t="s">
        <v>3</v>
      </c>
      <c r="F8" s="15" t="s">
        <v>3</v>
      </c>
      <c r="G8" s="56"/>
      <c r="H8" s="53"/>
      <c r="I8" s="19"/>
    </row>
    <row r="9" spans="1:9" ht="15.75" customHeight="1" x14ac:dyDescent="0.2">
      <c r="A9" s="47" t="s">
        <v>121</v>
      </c>
      <c r="B9" s="48"/>
      <c r="C9" s="2">
        <v>67204</v>
      </c>
      <c r="D9" s="3">
        <v>17124</v>
      </c>
      <c r="E9" s="3">
        <v>8325</v>
      </c>
      <c r="F9" s="3">
        <v>10207</v>
      </c>
      <c r="G9" s="3">
        <v>102860</v>
      </c>
      <c r="H9" s="30">
        <v>100</v>
      </c>
      <c r="I9" s="19"/>
    </row>
    <row r="10" spans="1:9" ht="15.75" customHeight="1" x14ac:dyDescent="0.2">
      <c r="A10" s="47" t="s">
        <v>122</v>
      </c>
      <c r="B10" s="48"/>
      <c r="C10" s="2">
        <v>65826</v>
      </c>
      <c r="D10" s="3">
        <v>20177</v>
      </c>
      <c r="E10" s="3">
        <v>10754</v>
      </c>
      <c r="F10" s="3">
        <v>12722</v>
      </c>
      <c r="G10" s="3">
        <v>109479</v>
      </c>
      <c r="H10" s="30">
        <v>95.37</v>
      </c>
      <c r="I10" s="19"/>
    </row>
    <row r="11" spans="1:9" ht="15.75" customHeight="1" x14ac:dyDescent="0.2">
      <c r="A11" s="47" t="s">
        <v>123</v>
      </c>
      <c r="B11" s="48"/>
      <c r="C11" s="2">
        <v>8550</v>
      </c>
      <c r="D11" s="3">
        <v>2246</v>
      </c>
      <c r="E11" s="3">
        <v>1519</v>
      </c>
      <c r="F11" s="3">
        <v>1750</v>
      </c>
      <c r="G11" s="3">
        <v>14065</v>
      </c>
      <c r="H11" s="30">
        <v>100</v>
      </c>
      <c r="I11" s="19"/>
    </row>
    <row r="12" spans="1:9" ht="15.75" customHeight="1" thickBot="1" x14ac:dyDescent="0.25">
      <c r="A12" s="12"/>
      <c r="B12" s="13" t="s">
        <v>124</v>
      </c>
      <c r="C12" s="2">
        <v>8550</v>
      </c>
      <c r="D12" s="3">
        <v>2246</v>
      </c>
      <c r="E12" s="3">
        <v>1519</v>
      </c>
      <c r="F12" s="3">
        <v>1750</v>
      </c>
      <c r="G12" s="3">
        <v>14065</v>
      </c>
      <c r="H12" s="30">
        <v>100</v>
      </c>
      <c r="I12" s="19"/>
    </row>
    <row r="13" spans="1:9" ht="15.75" customHeight="1" thickTop="1" x14ac:dyDescent="0.2">
      <c r="A13" s="65" t="s">
        <v>125</v>
      </c>
      <c r="B13" s="66"/>
      <c r="C13" s="28">
        <v>141580</v>
      </c>
      <c r="D13" s="29">
        <v>39547</v>
      </c>
      <c r="E13" s="29">
        <v>20598</v>
      </c>
      <c r="F13" s="29">
        <v>24679</v>
      </c>
      <c r="G13" s="29">
        <v>226404</v>
      </c>
      <c r="H13" s="33">
        <v>97.76</v>
      </c>
      <c r="I13" s="19"/>
    </row>
    <row r="14" spans="1:9" ht="14.4" thickBot="1" x14ac:dyDescent="0.25">
      <c r="A14" s="26"/>
      <c r="B14" s="27" t="s">
        <v>172</v>
      </c>
      <c r="C14" s="39"/>
      <c r="D14" s="40"/>
      <c r="E14" s="40"/>
      <c r="F14" s="40"/>
      <c r="G14" s="41"/>
      <c r="H14" s="42"/>
    </row>
  </sheetData>
  <mergeCells count="12">
    <mergeCell ref="A11:B11"/>
    <mergeCell ref="A13:B13"/>
    <mergeCell ref="A2:B2"/>
    <mergeCell ref="A4:B4"/>
    <mergeCell ref="A5:B5"/>
    <mergeCell ref="A6:B6"/>
    <mergeCell ref="A7:B7"/>
    <mergeCell ref="G5:G8"/>
    <mergeCell ref="H5:H8"/>
    <mergeCell ref="A8:B8"/>
    <mergeCell ref="A9:B9"/>
    <mergeCell ref="A10:B10"/>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pageSetUpPr fitToPage="1"/>
  </sheetPr>
  <dimension ref="A1:I13"/>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1"/>
      <c r="H4" s="1"/>
      <c r="I4" s="1" t="s">
        <v>190</v>
      </c>
    </row>
    <row r="5" spans="1:9" ht="15.75" customHeight="1" x14ac:dyDescent="0.2">
      <c r="A5" s="59" t="s">
        <v>0</v>
      </c>
      <c r="B5" s="60"/>
      <c r="C5" s="4" t="s">
        <v>126</v>
      </c>
      <c r="D5" s="6" t="s">
        <v>127</v>
      </c>
      <c r="E5" s="54" t="s">
        <v>9</v>
      </c>
      <c r="F5" s="51" t="s">
        <v>10</v>
      </c>
      <c r="G5" s="19"/>
      <c r="H5" s="18"/>
      <c r="I5" s="18"/>
    </row>
    <row r="6" spans="1:9" ht="15.75" customHeight="1" x14ac:dyDescent="0.2">
      <c r="A6" s="61"/>
      <c r="B6" s="62"/>
      <c r="C6" s="5" t="s">
        <v>3</v>
      </c>
      <c r="D6" s="7" t="s">
        <v>3</v>
      </c>
      <c r="E6" s="55"/>
      <c r="F6" s="52"/>
      <c r="G6" s="19"/>
      <c r="H6" s="18"/>
      <c r="I6" s="18"/>
    </row>
    <row r="7" spans="1:9" ht="15.75" customHeight="1" x14ac:dyDescent="0.2">
      <c r="A7" s="63" t="s">
        <v>1</v>
      </c>
      <c r="B7" s="64"/>
      <c r="C7" s="5" t="s">
        <v>4</v>
      </c>
      <c r="D7" s="7" t="s">
        <v>6</v>
      </c>
      <c r="E7" s="55"/>
      <c r="F7" s="52"/>
      <c r="G7" s="19"/>
      <c r="H7" s="18"/>
      <c r="I7" s="18"/>
    </row>
    <row r="8" spans="1:9" ht="15.75" customHeight="1" x14ac:dyDescent="0.2">
      <c r="A8" s="45"/>
      <c r="B8" s="46"/>
      <c r="C8" s="14" t="s">
        <v>3</v>
      </c>
      <c r="D8" s="15" t="s">
        <v>3</v>
      </c>
      <c r="E8" s="56"/>
      <c r="F8" s="53"/>
      <c r="G8" s="19"/>
      <c r="H8" s="18"/>
      <c r="I8" s="18"/>
    </row>
    <row r="9" spans="1:9" ht="15.75" customHeight="1" x14ac:dyDescent="0.2">
      <c r="A9" s="47" t="s">
        <v>128</v>
      </c>
      <c r="B9" s="48"/>
      <c r="C9" s="2">
        <v>29000</v>
      </c>
      <c r="D9" s="3">
        <v>29000</v>
      </c>
      <c r="E9" s="3">
        <v>58000</v>
      </c>
      <c r="F9" s="30">
        <v>61.82</v>
      </c>
      <c r="G9" s="19"/>
      <c r="H9" s="18"/>
      <c r="I9" s="18"/>
    </row>
    <row r="10" spans="1:9" ht="15.75" customHeight="1" x14ac:dyDescent="0.2">
      <c r="A10" s="47" t="s">
        <v>129</v>
      </c>
      <c r="B10" s="48"/>
      <c r="C10" s="2">
        <v>21203</v>
      </c>
      <c r="D10" s="3">
        <v>22759</v>
      </c>
      <c r="E10" s="3">
        <v>43962</v>
      </c>
      <c r="F10" s="30">
        <v>100</v>
      </c>
      <c r="G10" s="19"/>
      <c r="H10" s="18"/>
      <c r="I10" s="18"/>
    </row>
    <row r="11" spans="1:9" ht="15.75" customHeight="1" thickBot="1" x14ac:dyDescent="0.25">
      <c r="A11" s="47" t="s">
        <v>130</v>
      </c>
      <c r="B11" s="48"/>
      <c r="C11" s="2">
        <v>28500</v>
      </c>
      <c r="D11" s="3">
        <v>37000</v>
      </c>
      <c r="E11" s="3">
        <v>65500</v>
      </c>
      <c r="F11" s="30">
        <v>96.02</v>
      </c>
      <c r="G11" s="19"/>
      <c r="H11" s="18"/>
      <c r="I11" s="18"/>
    </row>
    <row r="12" spans="1:9" ht="15.75" customHeight="1" thickTop="1" x14ac:dyDescent="0.2">
      <c r="A12" s="65" t="s">
        <v>131</v>
      </c>
      <c r="B12" s="66"/>
      <c r="C12" s="28">
        <v>78703</v>
      </c>
      <c r="D12" s="29">
        <v>88759</v>
      </c>
      <c r="E12" s="29">
        <v>167462</v>
      </c>
      <c r="F12" s="33">
        <v>81.42</v>
      </c>
      <c r="G12" s="19"/>
      <c r="H12" s="18"/>
      <c r="I12" s="18"/>
    </row>
    <row r="13" spans="1:9" ht="14.4" thickBot="1" x14ac:dyDescent="0.25">
      <c r="A13" s="26"/>
      <c r="B13" s="27" t="s">
        <v>172</v>
      </c>
      <c r="C13" s="39"/>
      <c r="D13" s="40"/>
      <c r="E13" s="41"/>
      <c r="F13" s="42"/>
    </row>
  </sheetData>
  <mergeCells count="12">
    <mergeCell ref="A11:B11"/>
    <mergeCell ref="A12:B12"/>
    <mergeCell ref="A2:B2"/>
    <mergeCell ref="A4:B4"/>
    <mergeCell ref="A5:B5"/>
    <mergeCell ref="A6:B6"/>
    <mergeCell ref="A7:B7"/>
    <mergeCell ref="E5:E8"/>
    <mergeCell ref="F5:F8"/>
    <mergeCell ref="A8:B8"/>
    <mergeCell ref="A9:B9"/>
    <mergeCell ref="A10:B10"/>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pageSetUpPr fitToPage="1"/>
  </sheetPr>
  <dimension ref="A1:J25"/>
  <sheetViews>
    <sheetView tabSelected="1" view="pageBreakPreview" workbookViewId="0">
      <selection activeCell="I14" sqref="I14"/>
    </sheetView>
  </sheetViews>
  <sheetFormatPr defaultRowHeight="13.2" x14ac:dyDescent="0.2"/>
  <cols>
    <col min="1" max="1" width="3.5546875" bestFit="1" customWidth="1"/>
    <col min="2" max="2" width="2.6640625" customWidth="1"/>
    <col min="3" max="3" width="18.6640625" customWidth="1"/>
    <col min="4" max="10" width="20.44140625" customWidth="1"/>
  </cols>
  <sheetData>
    <row r="1" spans="1:10" ht="15" customHeight="1" x14ac:dyDescent="0.2">
      <c r="A1" t="s">
        <v>196</v>
      </c>
      <c r="B1" s="11"/>
      <c r="C1" s="11"/>
      <c r="D1" s="11"/>
      <c r="E1" s="11"/>
      <c r="F1" s="11"/>
      <c r="G1" s="11"/>
      <c r="H1" s="11"/>
      <c r="I1" s="1"/>
      <c r="J1" s="1"/>
    </row>
    <row r="2" spans="1:10" ht="18.75" customHeight="1" x14ac:dyDescent="0.2">
      <c r="B2" s="57" t="s">
        <v>173</v>
      </c>
      <c r="C2" s="57"/>
      <c r="D2" s="9"/>
      <c r="E2" s="10" t="s">
        <v>175</v>
      </c>
      <c r="F2" s="11"/>
      <c r="G2" s="11"/>
      <c r="H2" s="11"/>
      <c r="I2" s="11"/>
      <c r="J2" s="11"/>
    </row>
    <row r="3" spans="1:10" ht="15" customHeight="1" x14ac:dyDescent="0.2">
      <c r="B3" s="11"/>
      <c r="C3" s="11"/>
      <c r="D3" s="11"/>
      <c r="E3" s="11"/>
      <c r="F3" s="11"/>
      <c r="G3" s="11"/>
      <c r="H3" s="11"/>
      <c r="I3" s="1"/>
      <c r="J3" s="1"/>
    </row>
    <row r="4" spans="1:10" ht="15" customHeight="1" x14ac:dyDescent="0.2">
      <c r="B4" s="58" t="s">
        <v>16</v>
      </c>
      <c r="C4" s="58"/>
      <c r="D4" s="16"/>
      <c r="E4" s="16"/>
      <c r="F4" s="16"/>
      <c r="G4" s="16"/>
      <c r="H4" s="16"/>
      <c r="I4" s="1"/>
      <c r="J4" s="1" t="s">
        <v>191</v>
      </c>
    </row>
    <row r="5" spans="1:10" ht="15.75" customHeight="1" x14ac:dyDescent="0.2">
      <c r="B5" s="59" t="s">
        <v>0</v>
      </c>
      <c r="C5" s="60"/>
      <c r="D5" s="4" t="s">
        <v>132</v>
      </c>
      <c r="E5" s="6" t="s">
        <v>133</v>
      </c>
      <c r="F5" s="8" t="s">
        <v>134</v>
      </c>
      <c r="G5" s="51" t="s">
        <v>9</v>
      </c>
      <c r="H5" s="54" t="s">
        <v>10</v>
      </c>
      <c r="I5" s="19"/>
      <c r="J5" s="18"/>
    </row>
    <row r="6" spans="1:10" ht="15.75" customHeight="1" x14ac:dyDescent="0.2">
      <c r="B6" s="61"/>
      <c r="C6" s="62"/>
      <c r="D6" s="5" t="s">
        <v>3</v>
      </c>
      <c r="E6" s="7" t="s">
        <v>3</v>
      </c>
      <c r="F6" s="5" t="s">
        <v>3</v>
      </c>
      <c r="G6" s="52"/>
      <c r="H6" s="55"/>
      <c r="I6" s="19"/>
      <c r="J6" s="18"/>
    </row>
    <row r="7" spans="1:10" ht="15.75" customHeight="1" x14ac:dyDescent="0.2">
      <c r="B7" s="63" t="s">
        <v>1</v>
      </c>
      <c r="C7" s="64"/>
      <c r="D7" s="5" t="s">
        <v>24</v>
      </c>
      <c r="E7" s="7" t="s">
        <v>6</v>
      </c>
      <c r="F7" s="5" t="s">
        <v>4</v>
      </c>
      <c r="G7" s="52"/>
      <c r="H7" s="55"/>
      <c r="I7" s="19"/>
      <c r="J7" s="18"/>
    </row>
    <row r="8" spans="1:10" ht="15.75" customHeight="1" x14ac:dyDescent="0.2">
      <c r="B8" s="45"/>
      <c r="C8" s="46"/>
      <c r="D8" s="14" t="s">
        <v>3</v>
      </c>
      <c r="E8" s="15" t="s">
        <v>3</v>
      </c>
      <c r="F8" s="14" t="s">
        <v>3</v>
      </c>
      <c r="G8" s="53"/>
      <c r="H8" s="56"/>
      <c r="I8" s="19"/>
      <c r="J8" s="18"/>
    </row>
    <row r="9" spans="1:10" ht="15.75" customHeight="1" x14ac:dyDescent="0.2">
      <c r="B9" s="47" t="s">
        <v>135</v>
      </c>
      <c r="C9" s="48"/>
      <c r="D9" s="2">
        <v>16000</v>
      </c>
      <c r="E9" s="3">
        <v>38000</v>
      </c>
      <c r="F9" s="3">
        <v>25000</v>
      </c>
      <c r="G9" s="3">
        <v>79000</v>
      </c>
      <c r="H9" s="30">
        <v>96.1</v>
      </c>
      <c r="I9" s="19"/>
      <c r="J9" s="18"/>
    </row>
    <row r="10" spans="1:10" ht="15.75" customHeight="1" x14ac:dyDescent="0.2">
      <c r="B10" s="47" t="s">
        <v>136</v>
      </c>
      <c r="C10" s="48"/>
      <c r="D10" s="2">
        <v>14585</v>
      </c>
      <c r="E10" s="3">
        <v>30992</v>
      </c>
      <c r="F10" s="3">
        <v>18973</v>
      </c>
      <c r="G10" s="3">
        <v>64550</v>
      </c>
      <c r="H10" s="30">
        <v>100</v>
      </c>
      <c r="I10" s="19"/>
      <c r="J10" s="18"/>
    </row>
    <row r="11" spans="1:10" ht="15.75" customHeight="1" x14ac:dyDescent="0.2">
      <c r="B11" s="47" t="s">
        <v>137</v>
      </c>
      <c r="C11" s="48"/>
      <c r="D11" s="2">
        <v>1600</v>
      </c>
      <c r="E11" s="3">
        <v>4400</v>
      </c>
      <c r="F11" s="3">
        <v>3700</v>
      </c>
      <c r="G11" s="3">
        <v>9700</v>
      </c>
      <c r="H11" s="30">
        <v>56.21</v>
      </c>
      <c r="I11" s="19"/>
      <c r="J11" s="18"/>
    </row>
    <row r="12" spans="1:10" ht="15.75" customHeight="1" x14ac:dyDescent="0.2">
      <c r="B12" s="47" t="s">
        <v>123</v>
      </c>
      <c r="C12" s="48"/>
      <c r="D12" s="2">
        <v>2866</v>
      </c>
      <c r="E12" s="3">
        <v>5908</v>
      </c>
      <c r="F12" s="3">
        <v>4087</v>
      </c>
      <c r="G12" s="3">
        <v>12861</v>
      </c>
      <c r="H12" s="30">
        <v>100</v>
      </c>
      <c r="I12" s="19"/>
      <c r="J12" s="18"/>
    </row>
    <row r="13" spans="1:10" ht="15.75" customHeight="1" x14ac:dyDescent="0.2">
      <c r="B13" s="12"/>
      <c r="C13" s="13" t="s">
        <v>138</v>
      </c>
      <c r="D13" s="2">
        <v>2866</v>
      </c>
      <c r="E13" s="3">
        <v>5908</v>
      </c>
      <c r="F13" s="3">
        <v>4087</v>
      </c>
      <c r="G13" s="3">
        <v>12861</v>
      </c>
      <c r="H13" s="30">
        <v>100</v>
      </c>
      <c r="I13" s="19"/>
      <c r="J13" s="18"/>
    </row>
    <row r="14" spans="1:10" ht="15.75" customHeight="1" x14ac:dyDescent="0.2">
      <c r="B14" s="47" t="s">
        <v>139</v>
      </c>
      <c r="C14" s="48"/>
      <c r="D14" s="2">
        <v>4999</v>
      </c>
      <c r="E14" s="3">
        <v>12791</v>
      </c>
      <c r="F14" s="3">
        <v>7541</v>
      </c>
      <c r="G14" s="3">
        <v>25331</v>
      </c>
      <c r="H14" s="30">
        <v>86.62</v>
      </c>
      <c r="I14" s="19"/>
      <c r="J14" s="18"/>
    </row>
    <row r="15" spans="1:10" ht="15.75" customHeight="1" x14ac:dyDescent="0.2">
      <c r="B15" s="12"/>
      <c r="C15" s="13" t="s">
        <v>140</v>
      </c>
      <c r="D15" s="2">
        <v>726</v>
      </c>
      <c r="E15" s="3">
        <v>2126</v>
      </c>
      <c r="F15" s="3">
        <v>1083</v>
      </c>
      <c r="G15" s="3">
        <v>3935</v>
      </c>
      <c r="H15" s="30">
        <v>100</v>
      </c>
      <c r="I15" s="19"/>
      <c r="J15" s="18"/>
    </row>
    <row r="16" spans="1:10" ht="15.75" customHeight="1" x14ac:dyDescent="0.2">
      <c r="B16" s="12"/>
      <c r="C16" s="13" t="s">
        <v>141</v>
      </c>
      <c r="D16" s="2">
        <v>1484</v>
      </c>
      <c r="E16" s="3">
        <v>3629</v>
      </c>
      <c r="F16" s="3">
        <v>2037</v>
      </c>
      <c r="G16" s="3">
        <v>7150</v>
      </c>
      <c r="H16" s="30">
        <v>100</v>
      </c>
      <c r="I16" s="19"/>
      <c r="J16" s="18"/>
    </row>
    <row r="17" spans="1:10" ht="15.75" customHeight="1" x14ac:dyDescent="0.2">
      <c r="B17" s="12"/>
      <c r="C17" s="13" t="s">
        <v>142</v>
      </c>
      <c r="D17" s="2">
        <v>300</v>
      </c>
      <c r="E17" s="3">
        <v>300</v>
      </c>
      <c r="F17" s="3">
        <v>300</v>
      </c>
      <c r="G17" s="3">
        <v>900</v>
      </c>
      <c r="H17" s="30">
        <v>18.36</v>
      </c>
      <c r="I17" s="19"/>
      <c r="J17" s="18"/>
    </row>
    <row r="18" spans="1:10" ht="15.75" customHeight="1" x14ac:dyDescent="0.2">
      <c r="B18" s="12"/>
      <c r="C18" s="13" t="s">
        <v>143</v>
      </c>
      <c r="D18" s="2">
        <v>705</v>
      </c>
      <c r="E18" s="3">
        <v>2565</v>
      </c>
      <c r="F18" s="3">
        <v>1414</v>
      </c>
      <c r="G18" s="3">
        <v>4684</v>
      </c>
      <c r="H18" s="30">
        <v>100</v>
      </c>
      <c r="I18" s="19"/>
      <c r="J18" s="18"/>
    </row>
    <row r="19" spans="1:10" ht="15.75" customHeight="1" x14ac:dyDescent="0.2">
      <c r="B19" s="12"/>
      <c r="C19" s="13" t="s">
        <v>144</v>
      </c>
      <c r="D19" s="2">
        <v>1784</v>
      </c>
      <c r="E19" s="3">
        <v>4171</v>
      </c>
      <c r="F19" s="3">
        <v>2707</v>
      </c>
      <c r="G19" s="3">
        <v>8662</v>
      </c>
      <c r="H19" s="30">
        <v>100</v>
      </c>
      <c r="I19" s="19"/>
      <c r="J19" s="18"/>
    </row>
    <row r="20" spans="1:10" ht="15.75" customHeight="1" x14ac:dyDescent="0.2">
      <c r="B20" s="47" t="s">
        <v>145</v>
      </c>
      <c r="C20" s="48"/>
      <c r="D20" s="2">
        <v>3035</v>
      </c>
      <c r="E20" s="3">
        <v>8777</v>
      </c>
      <c r="F20" s="3">
        <v>5262</v>
      </c>
      <c r="G20" s="3">
        <v>17074</v>
      </c>
      <c r="H20" s="30">
        <v>98.89</v>
      </c>
      <c r="I20" s="19"/>
      <c r="J20" s="18"/>
    </row>
    <row r="21" spans="1:10" ht="15.75" customHeight="1" x14ac:dyDescent="0.2">
      <c r="B21" s="12"/>
      <c r="C21" s="13" t="s">
        <v>146</v>
      </c>
      <c r="D21" s="2">
        <v>600</v>
      </c>
      <c r="E21" s="3">
        <v>2100</v>
      </c>
      <c r="F21" s="3">
        <v>1100</v>
      </c>
      <c r="G21" s="3">
        <v>3800</v>
      </c>
      <c r="H21" s="30">
        <v>95.11</v>
      </c>
      <c r="I21" s="19"/>
      <c r="J21" s="18"/>
    </row>
    <row r="22" spans="1:10" ht="15.75" customHeight="1" x14ac:dyDescent="0.2">
      <c r="B22" s="12"/>
      <c r="C22" s="13" t="s">
        <v>147</v>
      </c>
      <c r="D22" s="2">
        <v>516</v>
      </c>
      <c r="E22" s="3">
        <v>1433</v>
      </c>
      <c r="F22" s="3">
        <v>1095</v>
      </c>
      <c r="G22" s="3">
        <v>3044</v>
      </c>
      <c r="H22" s="30">
        <v>100</v>
      </c>
      <c r="I22" s="19"/>
      <c r="J22" s="18"/>
    </row>
    <row r="23" spans="1:10" ht="15.75" customHeight="1" thickBot="1" x14ac:dyDescent="0.25">
      <c r="A23" s="74" t="s">
        <v>195</v>
      </c>
      <c r="B23" s="12"/>
      <c r="C23" s="13" t="s">
        <v>148</v>
      </c>
      <c r="D23" s="2">
        <v>1919</v>
      </c>
      <c r="E23" s="3">
        <v>5244</v>
      </c>
      <c r="F23" s="3">
        <v>3067</v>
      </c>
      <c r="G23" s="3">
        <v>10230</v>
      </c>
      <c r="H23" s="30">
        <v>100</v>
      </c>
      <c r="I23" s="19"/>
      <c r="J23" s="18"/>
    </row>
    <row r="24" spans="1:10" ht="15.75" customHeight="1" thickTop="1" x14ac:dyDescent="0.2">
      <c r="B24" s="65" t="s">
        <v>149</v>
      </c>
      <c r="C24" s="66"/>
      <c r="D24" s="28">
        <v>43085</v>
      </c>
      <c r="E24" s="29">
        <v>100868</v>
      </c>
      <c r="F24" s="29">
        <v>64563</v>
      </c>
      <c r="G24" s="29">
        <v>208516</v>
      </c>
      <c r="H24" s="33">
        <v>93.39</v>
      </c>
      <c r="I24" s="19"/>
      <c r="J24" s="18"/>
    </row>
    <row r="25" spans="1:10" ht="14.4" thickBot="1" x14ac:dyDescent="0.25">
      <c r="B25" s="26"/>
      <c r="C25" s="27" t="s">
        <v>172</v>
      </c>
      <c r="D25" s="39"/>
      <c r="E25" s="40"/>
      <c r="F25" s="40"/>
      <c r="G25" s="41"/>
      <c r="H25" s="42"/>
    </row>
  </sheetData>
  <mergeCells count="15">
    <mergeCell ref="B2:C2"/>
    <mergeCell ref="B4:C4"/>
    <mergeCell ref="B5:C5"/>
    <mergeCell ref="B6:C6"/>
    <mergeCell ref="B7:C7"/>
    <mergeCell ref="B14:C14"/>
    <mergeCell ref="B20:C20"/>
    <mergeCell ref="B24:C24"/>
    <mergeCell ref="G5:G8"/>
    <mergeCell ref="H5:H8"/>
    <mergeCell ref="B8:C8"/>
    <mergeCell ref="B9:C9"/>
    <mergeCell ref="B10:C10"/>
    <mergeCell ref="B11:C11"/>
    <mergeCell ref="B12:C12"/>
  </mergeCells>
  <phoneticPr fontId="2"/>
  <printOptions horizontalCentered="1"/>
  <pageMargins left="0.39370078740157483" right="0.39370078740157483" top="0.59055118110236227" bottom="0.59055118110236227" header="0.19685039370078741" footer="0.19685039370078741"/>
  <pageSetup paperSize="9" scale="75" orientation="landscape" r:id="rId1"/>
  <colBreaks count="1" manualBreakCount="1">
    <brk id="10" max="1048575" man="1"/>
  </col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pageSetUpPr fitToPage="1"/>
  </sheetPr>
  <dimension ref="A1:P13"/>
  <sheetViews>
    <sheetView view="pageBreakPreview" workbookViewId="0"/>
  </sheetViews>
  <sheetFormatPr defaultRowHeight="13.2" x14ac:dyDescent="0.2"/>
  <cols>
    <col min="1" max="1" width="2.6640625" customWidth="1"/>
    <col min="2" max="10" width="18.6640625" customWidth="1"/>
    <col min="11" max="16" width="20.44140625" customWidth="1"/>
  </cols>
  <sheetData>
    <row r="1" spans="1:16" ht="15" customHeight="1" x14ac:dyDescent="0.2">
      <c r="A1" s="11"/>
      <c r="B1" s="11"/>
      <c r="C1" s="11"/>
      <c r="D1" s="11"/>
      <c r="E1" s="11"/>
      <c r="F1" s="11"/>
      <c r="G1" s="11"/>
      <c r="H1" s="1"/>
      <c r="I1" s="1"/>
      <c r="J1" s="11"/>
      <c r="K1" s="11"/>
      <c r="L1" s="11"/>
      <c r="M1" s="11"/>
      <c r="N1" s="11"/>
      <c r="O1" s="1"/>
      <c r="P1" s="1"/>
    </row>
    <row r="2" spans="1:16" ht="18.75" customHeight="1" x14ac:dyDescent="0.2">
      <c r="A2" s="57" t="s">
        <v>173</v>
      </c>
      <c r="B2" s="57"/>
      <c r="C2" s="9"/>
      <c r="D2" s="10" t="s">
        <v>175</v>
      </c>
      <c r="E2" s="11"/>
      <c r="F2" s="11"/>
      <c r="G2" s="11"/>
      <c r="H2" s="11"/>
      <c r="I2" s="11"/>
      <c r="J2" s="9"/>
      <c r="K2" s="10" t="str">
        <f>D2</f>
        <v>衆議院小選挙区選出議員選挙　中間開票状況（候補者別開票区別得票数）</v>
      </c>
      <c r="L2" s="11"/>
      <c r="M2" s="11"/>
      <c r="N2" s="11"/>
      <c r="O2" s="11"/>
      <c r="P2" s="11"/>
    </row>
    <row r="3" spans="1:16" ht="15" customHeight="1" x14ac:dyDescent="0.2">
      <c r="A3" s="11"/>
      <c r="B3" s="11"/>
      <c r="C3" s="11"/>
      <c r="D3" s="11"/>
      <c r="E3" s="11"/>
      <c r="F3" s="11"/>
      <c r="G3" s="11"/>
      <c r="H3" s="1"/>
      <c r="I3" s="1"/>
      <c r="J3" s="11"/>
      <c r="K3" s="11"/>
      <c r="L3" s="11"/>
      <c r="M3" s="11"/>
      <c r="N3" s="11"/>
      <c r="O3" s="1"/>
      <c r="P3" s="1"/>
    </row>
    <row r="4" spans="1:16" ht="15" customHeight="1" thickBot="1" x14ac:dyDescent="0.25">
      <c r="A4" s="58" t="s">
        <v>16</v>
      </c>
      <c r="B4" s="58"/>
      <c r="C4" s="16"/>
      <c r="D4" s="16"/>
      <c r="E4" s="16"/>
      <c r="F4" s="16"/>
      <c r="G4" s="16"/>
      <c r="H4" s="17"/>
      <c r="I4" s="73" t="s">
        <v>192</v>
      </c>
      <c r="J4" s="73"/>
      <c r="K4" s="11"/>
      <c r="L4" s="11"/>
      <c r="M4" s="11"/>
      <c r="N4" s="11"/>
      <c r="O4" s="1"/>
      <c r="P4" s="1" t="str">
        <f>I4</f>
        <v>2月9日 0時00分　現在　開票率　65.69%</v>
      </c>
    </row>
    <row r="5" spans="1:16" ht="15.75" customHeight="1" x14ac:dyDescent="0.2">
      <c r="A5" s="59" t="s">
        <v>0</v>
      </c>
      <c r="B5" s="60"/>
      <c r="C5" s="4" t="s">
        <v>150</v>
      </c>
      <c r="D5" s="6" t="s">
        <v>151</v>
      </c>
      <c r="E5" s="8" t="s">
        <v>152</v>
      </c>
      <c r="F5" s="6" t="s">
        <v>153</v>
      </c>
      <c r="G5" s="8" t="s">
        <v>154</v>
      </c>
      <c r="H5" s="6" t="s">
        <v>155</v>
      </c>
      <c r="I5" s="70" t="s">
        <v>9</v>
      </c>
      <c r="J5" s="67" t="s">
        <v>10</v>
      </c>
      <c r="K5" s="19"/>
      <c r="L5" s="18"/>
      <c r="M5" s="18"/>
      <c r="N5" s="18"/>
      <c r="O5" s="18"/>
      <c r="P5" s="18"/>
    </row>
    <row r="6" spans="1:16" ht="15.75" customHeight="1" x14ac:dyDescent="0.2">
      <c r="A6" s="61"/>
      <c r="B6" s="62"/>
      <c r="C6" s="5" t="s">
        <v>3</v>
      </c>
      <c r="D6" s="7" t="s">
        <v>3</v>
      </c>
      <c r="E6" s="5" t="s">
        <v>3</v>
      </c>
      <c r="F6" s="7" t="s">
        <v>3</v>
      </c>
      <c r="G6" s="5" t="s">
        <v>3</v>
      </c>
      <c r="H6" s="7" t="s">
        <v>3</v>
      </c>
      <c r="I6" s="71"/>
      <c r="J6" s="68"/>
      <c r="K6" s="19"/>
      <c r="L6" s="18"/>
      <c r="M6" s="18"/>
      <c r="N6" s="18"/>
      <c r="O6" s="18"/>
      <c r="P6" s="18"/>
    </row>
    <row r="7" spans="1:16" ht="15.75" customHeight="1" x14ac:dyDescent="0.2">
      <c r="A7" s="63" t="s">
        <v>1</v>
      </c>
      <c r="B7" s="64"/>
      <c r="C7" s="5" t="s">
        <v>6</v>
      </c>
      <c r="D7" s="7" t="s">
        <v>24</v>
      </c>
      <c r="E7" s="5" t="s">
        <v>4</v>
      </c>
      <c r="F7" s="7" t="s">
        <v>22</v>
      </c>
      <c r="G7" s="5" t="s">
        <v>20</v>
      </c>
      <c r="H7" s="7" t="s">
        <v>8</v>
      </c>
      <c r="I7" s="71"/>
      <c r="J7" s="68"/>
      <c r="K7" s="19"/>
      <c r="L7" s="18"/>
      <c r="M7" s="18"/>
      <c r="N7" s="18"/>
      <c r="O7" s="18"/>
      <c r="P7" s="18"/>
    </row>
    <row r="8" spans="1:16" ht="15.75" customHeight="1" x14ac:dyDescent="0.2">
      <c r="A8" s="45"/>
      <c r="B8" s="46"/>
      <c r="C8" s="14" t="s">
        <v>3</v>
      </c>
      <c r="D8" s="15" t="s">
        <v>3</v>
      </c>
      <c r="E8" s="14" t="s">
        <v>3</v>
      </c>
      <c r="F8" s="15" t="s">
        <v>3</v>
      </c>
      <c r="G8" s="14" t="s">
        <v>3</v>
      </c>
      <c r="H8" s="15" t="s">
        <v>3</v>
      </c>
      <c r="I8" s="72"/>
      <c r="J8" s="69"/>
      <c r="K8" s="19"/>
      <c r="L8" s="18"/>
      <c r="M8" s="18"/>
      <c r="N8" s="18"/>
      <c r="O8" s="18"/>
      <c r="P8" s="18"/>
    </row>
    <row r="9" spans="1:16" ht="15.75" customHeight="1" x14ac:dyDescent="0.2">
      <c r="A9" s="47" t="s">
        <v>70</v>
      </c>
      <c r="B9" s="48"/>
      <c r="C9" s="2">
        <v>45000</v>
      </c>
      <c r="D9" s="3">
        <v>36000</v>
      </c>
      <c r="E9" s="3">
        <v>36000</v>
      </c>
      <c r="F9" s="3">
        <v>11000</v>
      </c>
      <c r="G9" s="3">
        <v>13000</v>
      </c>
      <c r="H9" s="3">
        <v>17000</v>
      </c>
      <c r="I9" s="24">
        <v>158000</v>
      </c>
      <c r="J9" s="34">
        <v>65.69</v>
      </c>
      <c r="K9" s="19"/>
      <c r="L9" s="18"/>
      <c r="M9" s="18"/>
      <c r="N9" s="18"/>
      <c r="O9" s="18"/>
      <c r="P9" s="18"/>
    </row>
    <row r="10" spans="1:16" ht="15.75" customHeight="1" x14ac:dyDescent="0.2">
      <c r="A10" s="12"/>
      <c r="B10" s="13" t="s">
        <v>156</v>
      </c>
      <c r="C10" s="2">
        <v>15000</v>
      </c>
      <c r="D10" s="3">
        <v>15000</v>
      </c>
      <c r="E10" s="3">
        <v>15000</v>
      </c>
      <c r="F10" s="3">
        <v>5000</v>
      </c>
      <c r="G10" s="3">
        <v>5000</v>
      </c>
      <c r="H10" s="3">
        <v>9000</v>
      </c>
      <c r="I10" s="24">
        <v>64000</v>
      </c>
      <c r="J10" s="34">
        <v>48.62</v>
      </c>
      <c r="K10" s="19"/>
      <c r="L10" s="18"/>
      <c r="M10" s="18"/>
      <c r="N10" s="18"/>
      <c r="O10" s="18"/>
      <c r="P10" s="18"/>
    </row>
    <row r="11" spans="1:16" ht="15.75" customHeight="1" thickBot="1" x14ac:dyDescent="0.25">
      <c r="A11" s="12"/>
      <c r="B11" s="13" t="s">
        <v>157</v>
      </c>
      <c r="C11" s="2">
        <v>30000</v>
      </c>
      <c r="D11" s="3">
        <v>21000</v>
      </c>
      <c r="E11" s="3">
        <v>21000</v>
      </c>
      <c r="F11" s="3">
        <v>6000</v>
      </c>
      <c r="G11" s="3">
        <v>8000</v>
      </c>
      <c r="H11" s="3">
        <v>8000</v>
      </c>
      <c r="I11" s="24">
        <v>94000</v>
      </c>
      <c r="J11" s="34">
        <v>86.29</v>
      </c>
      <c r="K11" s="19"/>
      <c r="L11" s="18"/>
      <c r="M11" s="18"/>
      <c r="N11" s="18"/>
      <c r="O11" s="18"/>
      <c r="P11" s="18"/>
    </row>
    <row r="12" spans="1:16" ht="15.75" customHeight="1" thickTop="1" x14ac:dyDescent="0.2">
      <c r="A12" s="49" t="s">
        <v>158</v>
      </c>
      <c r="B12" s="50"/>
      <c r="C12" s="20">
        <v>45000</v>
      </c>
      <c r="D12" s="21">
        <v>36000</v>
      </c>
      <c r="E12" s="21">
        <v>36000</v>
      </c>
      <c r="F12" s="21">
        <v>11000</v>
      </c>
      <c r="G12" s="21">
        <v>13000</v>
      </c>
      <c r="H12" s="21">
        <v>17000</v>
      </c>
      <c r="I12" s="25">
        <v>158000</v>
      </c>
      <c r="J12" s="35">
        <v>65.69</v>
      </c>
      <c r="K12" s="19"/>
      <c r="L12" s="18"/>
      <c r="M12" s="18"/>
      <c r="N12" s="18"/>
      <c r="O12" s="18"/>
      <c r="P12" s="18"/>
    </row>
    <row r="13" spans="1:16" ht="14.4" thickBot="1" x14ac:dyDescent="0.25">
      <c r="A13" s="22"/>
      <c r="B13" s="23" t="s">
        <v>172</v>
      </c>
      <c r="C13" s="36"/>
      <c r="D13" s="37"/>
      <c r="E13" s="37"/>
      <c r="F13" s="37"/>
      <c r="G13" s="37"/>
      <c r="H13" s="37"/>
      <c r="I13" s="43"/>
      <c r="J13" s="44"/>
    </row>
  </sheetData>
  <mergeCells count="11">
    <mergeCell ref="A9:B9"/>
    <mergeCell ref="A12:B12"/>
    <mergeCell ref="I5:I8"/>
    <mergeCell ref="I4:J4"/>
    <mergeCell ref="A2:B2"/>
    <mergeCell ref="A4:B4"/>
    <mergeCell ref="A5:B5"/>
    <mergeCell ref="A6:B6"/>
    <mergeCell ref="J5:J8"/>
    <mergeCell ref="A7:B7"/>
    <mergeCell ref="A8:B8"/>
  </mergeCells>
  <phoneticPr fontId="2"/>
  <printOptions horizontalCentered="1"/>
  <pageMargins left="0.39370078740157483" right="0.39370078740157483" top="0.59055118110236227" bottom="0.59055118110236227" header="0.19685039370078741" footer="0.19685039370078741"/>
  <pageSetup paperSize="9" scale="73" orientation="landscape" r:id="rId1"/>
  <colBreaks count="2" manualBreakCount="2">
    <brk id="10" max="11" man="1"/>
    <brk id="16" max="1048575" man="1"/>
  </col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I14"/>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7"/>
      <c r="I4" s="1" t="s">
        <v>193</v>
      </c>
    </row>
    <row r="5" spans="1:9" ht="15.75" customHeight="1" x14ac:dyDescent="0.2">
      <c r="A5" s="59" t="s">
        <v>0</v>
      </c>
      <c r="B5" s="60"/>
      <c r="C5" s="4" t="s">
        <v>159</v>
      </c>
      <c r="D5" s="6" t="s">
        <v>160</v>
      </c>
      <c r="E5" s="8" t="s">
        <v>161</v>
      </c>
      <c r="F5" s="6" t="s">
        <v>162</v>
      </c>
      <c r="G5" s="54" t="s">
        <v>9</v>
      </c>
      <c r="H5" s="51" t="s">
        <v>10</v>
      </c>
      <c r="I5" s="19"/>
    </row>
    <row r="6" spans="1:9" ht="15.75" customHeight="1" x14ac:dyDescent="0.2">
      <c r="A6" s="61"/>
      <c r="B6" s="62"/>
      <c r="C6" s="5" t="s">
        <v>3</v>
      </c>
      <c r="D6" s="7" t="s">
        <v>3</v>
      </c>
      <c r="E6" s="5" t="s">
        <v>3</v>
      </c>
      <c r="F6" s="7" t="s">
        <v>3</v>
      </c>
      <c r="G6" s="55"/>
      <c r="H6" s="52"/>
      <c r="I6" s="19"/>
    </row>
    <row r="7" spans="1:9" ht="15.75" customHeight="1" x14ac:dyDescent="0.2">
      <c r="A7" s="63" t="s">
        <v>1</v>
      </c>
      <c r="B7" s="64"/>
      <c r="C7" s="5" t="s">
        <v>24</v>
      </c>
      <c r="D7" s="7" t="s">
        <v>20</v>
      </c>
      <c r="E7" s="5" t="s">
        <v>6</v>
      </c>
      <c r="F7" s="7" t="s">
        <v>8</v>
      </c>
      <c r="G7" s="55"/>
      <c r="H7" s="52"/>
      <c r="I7" s="19"/>
    </row>
    <row r="8" spans="1:9" ht="15.75" customHeight="1" x14ac:dyDescent="0.2">
      <c r="A8" s="45"/>
      <c r="B8" s="46"/>
      <c r="C8" s="14" t="s">
        <v>3</v>
      </c>
      <c r="D8" s="15" t="s">
        <v>3</v>
      </c>
      <c r="E8" s="14" t="s">
        <v>3</v>
      </c>
      <c r="F8" s="15" t="s">
        <v>3</v>
      </c>
      <c r="G8" s="56"/>
      <c r="H8" s="53"/>
      <c r="I8" s="19"/>
    </row>
    <row r="9" spans="1:9" ht="15.75" customHeight="1" x14ac:dyDescent="0.2">
      <c r="A9" s="47" t="s">
        <v>11</v>
      </c>
      <c r="B9" s="48"/>
      <c r="C9" s="2">
        <v>5000</v>
      </c>
      <c r="D9" s="3">
        <v>5000</v>
      </c>
      <c r="E9" s="3">
        <v>5000</v>
      </c>
      <c r="F9" s="3">
        <v>5000</v>
      </c>
      <c r="G9" s="3">
        <v>20000</v>
      </c>
      <c r="H9" s="30">
        <v>18.7</v>
      </c>
      <c r="I9" s="19"/>
    </row>
    <row r="10" spans="1:9" ht="15.75" customHeight="1" x14ac:dyDescent="0.2">
      <c r="A10" s="12"/>
      <c r="B10" s="13" t="s">
        <v>163</v>
      </c>
      <c r="C10" s="2">
        <v>5000</v>
      </c>
      <c r="D10" s="3">
        <v>5000</v>
      </c>
      <c r="E10" s="3">
        <v>5000</v>
      </c>
      <c r="F10" s="3">
        <v>5000</v>
      </c>
      <c r="G10" s="3">
        <v>20000</v>
      </c>
      <c r="H10" s="30">
        <v>18.7</v>
      </c>
      <c r="I10" s="19"/>
    </row>
    <row r="11" spans="1:9" ht="15.75" customHeight="1" x14ac:dyDescent="0.2">
      <c r="A11" s="47" t="s">
        <v>70</v>
      </c>
      <c r="B11" s="48"/>
      <c r="C11" s="2">
        <v>6500</v>
      </c>
      <c r="D11" s="3">
        <v>6500</v>
      </c>
      <c r="E11" s="3">
        <v>6500</v>
      </c>
      <c r="F11" s="3">
        <v>6500</v>
      </c>
      <c r="G11" s="3">
        <v>26000</v>
      </c>
      <c r="H11" s="30">
        <v>23.64</v>
      </c>
      <c r="I11" s="19"/>
    </row>
    <row r="12" spans="1:9" ht="15.75" customHeight="1" thickBot="1" x14ac:dyDescent="0.25">
      <c r="A12" s="12"/>
      <c r="B12" s="13" t="s">
        <v>164</v>
      </c>
      <c r="C12" s="2">
        <v>6500</v>
      </c>
      <c r="D12" s="3">
        <v>6500</v>
      </c>
      <c r="E12" s="3">
        <v>6500</v>
      </c>
      <c r="F12" s="3">
        <v>6500</v>
      </c>
      <c r="G12" s="3">
        <v>26000</v>
      </c>
      <c r="H12" s="30">
        <v>23.64</v>
      </c>
      <c r="I12" s="19"/>
    </row>
    <row r="13" spans="1:9" ht="15.75" customHeight="1" thickTop="1" x14ac:dyDescent="0.2">
      <c r="A13" s="65" t="s">
        <v>165</v>
      </c>
      <c r="B13" s="66"/>
      <c r="C13" s="28">
        <v>11500</v>
      </c>
      <c r="D13" s="29">
        <v>11500</v>
      </c>
      <c r="E13" s="29">
        <v>11500</v>
      </c>
      <c r="F13" s="29">
        <v>11500</v>
      </c>
      <c r="G13" s="29">
        <v>46000</v>
      </c>
      <c r="H13" s="33">
        <v>21.21</v>
      </c>
      <c r="I13" s="19"/>
    </row>
    <row r="14" spans="1:9" ht="14.4" thickBot="1" x14ac:dyDescent="0.25">
      <c r="A14" s="26"/>
      <c r="B14" s="27" t="s">
        <v>172</v>
      </c>
      <c r="C14" s="39"/>
      <c r="D14" s="40"/>
      <c r="E14" s="40"/>
      <c r="F14" s="40"/>
      <c r="G14" s="41"/>
      <c r="H14" s="42"/>
    </row>
  </sheetData>
  <mergeCells count="11">
    <mergeCell ref="A2:B2"/>
    <mergeCell ref="A4:B4"/>
    <mergeCell ref="A5:B5"/>
    <mergeCell ref="A6:B6"/>
    <mergeCell ref="A7:B7"/>
    <mergeCell ref="H5:H8"/>
    <mergeCell ref="A8:B8"/>
    <mergeCell ref="A9:B9"/>
    <mergeCell ref="A11:B11"/>
    <mergeCell ref="A13:B13"/>
    <mergeCell ref="G5:G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I14"/>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7"/>
      <c r="I4" s="17" t="s">
        <v>176</v>
      </c>
    </row>
    <row r="5" spans="1:9" ht="15.75" customHeight="1" x14ac:dyDescent="0.2">
      <c r="A5" s="59" t="s">
        <v>0</v>
      </c>
      <c r="B5" s="60"/>
      <c r="C5" s="4" t="s">
        <v>17</v>
      </c>
      <c r="D5" s="6" t="s">
        <v>18</v>
      </c>
      <c r="E5" s="8" t="s">
        <v>19</v>
      </c>
      <c r="F5" s="6" t="s">
        <v>21</v>
      </c>
      <c r="G5" s="8" t="s">
        <v>23</v>
      </c>
      <c r="H5" s="51" t="s">
        <v>9</v>
      </c>
      <c r="I5" s="67" t="s">
        <v>10</v>
      </c>
    </row>
    <row r="6" spans="1:9" ht="15.75" customHeight="1" x14ac:dyDescent="0.2">
      <c r="A6" s="61"/>
      <c r="B6" s="62"/>
      <c r="C6" s="5" t="s">
        <v>3</v>
      </c>
      <c r="D6" s="7" t="s">
        <v>3</v>
      </c>
      <c r="E6" s="5" t="s">
        <v>3</v>
      </c>
      <c r="F6" s="7" t="s">
        <v>3</v>
      </c>
      <c r="G6" s="5" t="s">
        <v>3</v>
      </c>
      <c r="H6" s="52"/>
      <c r="I6" s="68"/>
    </row>
    <row r="7" spans="1:9" ht="15.75" customHeight="1" x14ac:dyDescent="0.2">
      <c r="A7" s="63" t="s">
        <v>1</v>
      </c>
      <c r="B7" s="64"/>
      <c r="C7" s="5" t="s">
        <v>4</v>
      </c>
      <c r="D7" s="7" t="s">
        <v>6</v>
      </c>
      <c r="E7" s="5" t="s">
        <v>20</v>
      </c>
      <c r="F7" s="7" t="s">
        <v>22</v>
      </c>
      <c r="G7" s="5" t="s">
        <v>24</v>
      </c>
      <c r="H7" s="52"/>
      <c r="I7" s="68"/>
    </row>
    <row r="8" spans="1:9" ht="15.75" customHeight="1" x14ac:dyDescent="0.2">
      <c r="A8" s="45"/>
      <c r="B8" s="46"/>
      <c r="C8" s="14" t="s">
        <v>3</v>
      </c>
      <c r="D8" s="15" t="s">
        <v>3</v>
      </c>
      <c r="E8" s="14" t="s">
        <v>3</v>
      </c>
      <c r="F8" s="15" t="s">
        <v>3</v>
      </c>
      <c r="G8" s="14" t="s">
        <v>3</v>
      </c>
      <c r="H8" s="53"/>
      <c r="I8" s="69"/>
    </row>
    <row r="9" spans="1:9" ht="15.75" customHeight="1" x14ac:dyDescent="0.2">
      <c r="A9" s="47" t="s">
        <v>11</v>
      </c>
      <c r="B9" s="48"/>
      <c r="C9" s="2">
        <v>17682</v>
      </c>
      <c r="D9" s="3">
        <v>59395</v>
      </c>
      <c r="E9" s="3">
        <v>6331</v>
      </c>
      <c r="F9" s="3">
        <v>4608</v>
      </c>
      <c r="G9" s="3">
        <v>20492</v>
      </c>
      <c r="H9" s="3">
        <v>108508</v>
      </c>
      <c r="I9" s="32">
        <v>45.2</v>
      </c>
    </row>
    <row r="10" spans="1:9" ht="15.75" customHeight="1" x14ac:dyDescent="0.2">
      <c r="A10" s="12"/>
      <c r="B10" s="13" t="s">
        <v>25</v>
      </c>
      <c r="C10" s="2">
        <v>7682</v>
      </c>
      <c r="D10" s="3">
        <v>24395</v>
      </c>
      <c r="E10" s="3">
        <v>4331</v>
      </c>
      <c r="F10" s="3">
        <v>2608</v>
      </c>
      <c r="G10" s="3">
        <v>10492</v>
      </c>
      <c r="H10" s="3">
        <v>49508</v>
      </c>
      <c r="I10" s="32">
        <v>97.9</v>
      </c>
    </row>
    <row r="11" spans="1:9" ht="15.75" customHeight="1" x14ac:dyDescent="0.2">
      <c r="A11" s="12"/>
      <c r="B11" s="13" t="s">
        <v>26</v>
      </c>
      <c r="C11" s="2">
        <v>5000</v>
      </c>
      <c r="D11" s="3">
        <v>5000</v>
      </c>
      <c r="E11" s="3">
        <v>2000</v>
      </c>
      <c r="F11" s="3">
        <v>2000</v>
      </c>
      <c r="G11" s="3">
        <v>5000</v>
      </c>
      <c r="H11" s="3">
        <v>19000</v>
      </c>
      <c r="I11" s="32">
        <v>22.03</v>
      </c>
    </row>
    <row r="12" spans="1:9" ht="15.75" customHeight="1" thickBot="1" x14ac:dyDescent="0.25">
      <c r="A12" s="12"/>
      <c r="B12" s="13" t="s">
        <v>27</v>
      </c>
      <c r="C12" s="2">
        <v>5000</v>
      </c>
      <c r="D12" s="3">
        <v>30000</v>
      </c>
      <c r="E12" s="3">
        <v>0</v>
      </c>
      <c r="F12" s="3">
        <v>0</v>
      </c>
      <c r="G12" s="3">
        <v>5000</v>
      </c>
      <c r="H12" s="3">
        <v>40000</v>
      </c>
      <c r="I12" s="32">
        <v>38.729999999999997</v>
      </c>
    </row>
    <row r="13" spans="1:9" ht="15.75" customHeight="1" thickTop="1" x14ac:dyDescent="0.2">
      <c r="A13" s="65" t="s">
        <v>28</v>
      </c>
      <c r="B13" s="66"/>
      <c r="C13" s="28">
        <v>17682</v>
      </c>
      <c r="D13" s="29">
        <v>59395</v>
      </c>
      <c r="E13" s="29">
        <v>6331</v>
      </c>
      <c r="F13" s="29">
        <v>4608</v>
      </c>
      <c r="G13" s="29">
        <v>20492</v>
      </c>
      <c r="H13" s="29">
        <v>108508</v>
      </c>
      <c r="I13" s="33">
        <v>45.2</v>
      </c>
    </row>
    <row r="14" spans="1:9" ht="14.4" thickBot="1" x14ac:dyDescent="0.25">
      <c r="A14" s="26"/>
      <c r="B14" s="27" t="s">
        <v>172</v>
      </c>
      <c r="C14" s="39"/>
      <c r="D14" s="40"/>
      <c r="E14" s="40"/>
      <c r="F14" s="40"/>
      <c r="G14" s="40"/>
      <c r="H14" s="41"/>
      <c r="I14" s="42"/>
    </row>
  </sheetData>
  <mergeCells count="10">
    <mergeCell ref="A2:B2"/>
    <mergeCell ref="A4:B4"/>
    <mergeCell ref="A5:B5"/>
    <mergeCell ref="A6:B6"/>
    <mergeCell ref="A7:B7"/>
    <mergeCell ref="A8:B8"/>
    <mergeCell ref="A9:B9"/>
    <mergeCell ref="A13:B13"/>
    <mergeCell ref="H5:H8"/>
    <mergeCell ref="I5:I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pageSetUpPr fitToPage="1"/>
  </sheetPr>
  <dimension ref="A1:I13"/>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
      <c r="I4" s="1" t="s">
        <v>194</v>
      </c>
    </row>
    <row r="5" spans="1:9" ht="15.75" customHeight="1" x14ac:dyDescent="0.2">
      <c r="A5" s="59" t="s">
        <v>0</v>
      </c>
      <c r="B5" s="60"/>
      <c r="C5" s="4" t="s">
        <v>166</v>
      </c>
      <c r="D5" s="6" t="s">
        <v>167</v>
      </c>
      <c r="E5" s="8" t="s">
        <v>168</v>
      </c>
      <c r="F5" s="51" t="s">
        <v>9</v>
      </c>
      <c r="G5" s="54" t="s">
        <v>10</v>
      </c>
      <c r="H5" s="19"/>
      <c r="I5" s="18"/>
    </row>
    <row r="6" spans="1:9" ht="15.75" customHeight="1" x14ac:dyDescent="0.2">
      <c r="A6" s="61"/>
      <c r="B6" s="62"/>
      <c r="C6" s="5" t="s">
        <v>3</v>
      </c>
      <c r="D6" s="7" t="s">
        <v>3</v>
      </c>
      <c r="E6" s="5" t="s">
        <v>3</v>
      </c>
      <c r="F6" s="52"/>
      <c r="G6" s="55"/>
      <c r="H6" s="19"/>
      <c r="I6" s="18"/>
    </row>
    <row r="7" spans="1:9" ht="15.75" customHeight="1" x14ac:dyDescent="0.2">
      <c r="A7" s="63" t="s">
        <v>1</v>
      </c>
      <c r="B7" s="64"/>
      <c r="C7" s="5" t="s">
        <v>8</v>
      </c>
      <c r="D7" s="7" t="s">
        <v>6</v>
      </c>
      <c r="E7" s="5" t="s">
        <v>4</v>
      </c>
      <c r="F7" s="52"/>
      <c r="G7" s="55"/>
      <c r="H7" s="19"/>
      <c r="I7" s="18"/>
    </row>
    <row r="8" spans="1:9" ht="15.75" customHeight="1" x14ac:dyDescent="0.2">
      <c r="A8" s="45"/>
      <c r="B8" s="46"/>
      <c r="C8" s="14" t="s">
        <v>3</v>
      </c>
      <c r="D8" s="15" t="s">
        <v>3</v>
      </c>
      <c r="E8" s="14" t="s">
        <v>3</v>
      </c>
      <c r="F8" s="53"/>
      <c r="G8" s="56"/>
      <c r="H8" s="19"/>
      <c r="I8" s="18"/>
    </row>
    <row r="9" spans="1:9" ht="15.75" customHeight="1" x14ac:dyDescent="0.2">
      <c r="A9" s="47" t="s">
        <v>108</v>
      </c>
      <c r="B9" s="48"/>
      <c r="C9" s="2">
        <v>17500</v>
      </c>
      <c r="D9" s="3">
        <v>26500</v>
      </c>
      <c r="E9" s="3">
        <v>30500</v>
      </c>
      <c r="F9" s="3">
        <v>74500</v>
      </c>
      <c r="G9" s="30">
        <v>56.14</v>
      </c>
      <c r="H9" s="19"/>
      <c r="I9" s="18"/>
    </row>
    <row r="10" spans="1:9" ht="15.75" customHeight="1" x14ac:dyDescent="0.2">
      <c r="A10" s="12"/>
      <c r="B10" s="13" t="s">
        <v>169</v>
      </c>
      <c r="C10" s="2">
        <v>17500</v>
      </c>
      <c r="D10" s="3">
        <v>26500</v>
      </c>
      <c r="E10" s="3">
        <v>30500</v>
      </c>
      <c r="F10" s="3">
        <v>74500</v>
      </c>
      <c r="G10" s="30">
        <v>56.14</v>
      </c>
      <c r="H10" s="19"/>
      <c r="I10" s="18"/>
    </row>
    <row r="11" spans="1:9" ht="15.75" customHeight="1" thickBot="1" x14ac:dyDescent="0.25">
      <c r="A11" s="47" t="s">
        <v>170</v>
      </c>
      <c r="B11" s="48"/>
      <c r="C11" s="2">
        <v>7272</v>
      </c>
      <c r="D11" s="3">
        <v>28915</v>
      </c>
      <c r="E11" s="3">
        <v>19603</v>
      </c>
      <c r="F11" s="3">
        <v>55790</v>
      </c>
      <c r="G11" s="30">
        <v>96.72</v>
      </c>
      <c r="H11" s="19"/>
      <c r="I11" s="18"/>
    </row>
    <row r="12" spans="1:9" ht="15.75" customHeight="1" thickTop="1" x14ac:dyDescent="0.2">
      <c r="A12" s="65" t="s">
        <v>171</v>
      </c>
      <c r="B12" s="66"/>
      <c r="C12" s="28">
        <v>24772</v>
      </c>
      <c r="D12" s="29">
        <v>55415</v>
      </c>
      <c r="E12" s="29">
        <v>50103</v>
      </c>
      <c r="F12" s="29">
        <v>130290</v>
      </c>
      <c r="G12" s="33">
        <v>68.44</v>
      </c>
      <c r="H12" s="19"/>
      <c r="I12" s="18"/>
    </row>
    <row r="13" spans="1:9" ht="14.4" thickBot="1" x14ac:dyDescent="0.25">
      <c r="A13" s="26"/>
      <c r="B13" s="27" t="s">
        <v>172</v>
      </c>
      <c r="C13" s="39"/>
      <c r="D13" s="40"/>
      <c r="E13" s="40"/>
      <c r="F13" s="41"/>
      <c r="G13" s="42"/>
    </row>
  </sheetData>
  <mergeCells count="11">
    <mergeCell ref="A2:B2"/>
    <mergeCell ref="A4:B4"/>
    <mergeCell ref="A5:B5"/>
    <mergeCell ref="A6:B6"/>
    <mergeCell ref="A7:B7"/>
    <mergeCell ref="G5:G8"/>
    <mergeCell ref="A8:B8"/>
    <mergeCell ref="A9:B9"/>
    <mergeCell ref="A11:B11"/>
    <mergeCell ref="A12:B12"/>
    <mergeCell ref="F5:F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I13"/>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7"/>
      <c r="I4" s="17" t="s">
        <v>177</v>
      </c>
    </row>
    <row r="5" spans="1:9" ht="15.75" customHeight="1" x14ac:dyDescent="0.2">
      <c r="A5" s="59" t="s">
        <v>0</v>
      </c>
      <c r="B5" s="60"/>
      <c r="C5" s="4" t="s">
        <v>29</v>
      </c>
      <c r="D5" s="6" t="s">
        <v>30</v>
      </c>
      <c r="E5" s="8" t="s">
        <v>31</v>
      </c>
      <c r="F5" s="6" t="s">
        <v>32</v>
      </c>
      <c r="G5" s="8" t="s">
        <v>33</v>
      </c>
      <c r="H5" s="51" t="s">
        <v>9</v>
      </c>
      <c r="I5" s="67" t="s">
        <v>10</v>
      </c>
    </row>
    <row r="6" spans="1:9" ht="15.75" customHeight="1" x14ac:dyDescent="0.2">
      <c r="A6" s="61"/>
      <c r="B6" s="62"/>
      <c r="C6" s="5" t="s">
        <v>3</v>
      </c>
      <c r="D6" s="7" t="s">
        <v>3</v>
      </c>
      <c r="E6" s="5" t="s">
        <v>3</v>
      </c>
      <c r="F6" s="7" t="s">
        <v>3</v>
      </c>
      <c r="G6" s="5" t="s">
        <v>3</v>
      </c>
      <c r="H6" s="52"/>
      <c r="I6" s="68"/>
    </row>
    <row r="7" spans="1:9" ht="15.75" customHeight="1" x14ac:dyDescent="0.2">
      <c r="A7" s="63" t="s">
        <v>1</v>
      </c>
      <c r="B7" s="64"/>
      <c r="C7" s="5" t="s">
        <v>22</v>
      </c>
      <c r="D7" s="7" t="s">
        <v>4</v>
      </c>
      <c r="E7" s="5" t="s">
        <v>24</v>
      </c>
      <c r="F7" s="7" t="s">
        <v>20</v>
      </c>
      <c r="G7" s="5" t="s">
        <v>6</v>
      </c>
      <c r="H7" s="52"/>
      <c r="I7" s="68"/>
    </row>
    <row r="8" spans="1:9" ht="15.75" customHeight="1" x14ac:dyDescent="0.2">
      <c r="A8" s="45"/>
      <c r="B8" s="46"/>
      <c r="C8" s="14" t="s">
        <v>3</v>
      </c>
      <c r="D8" s="15" t="s">
        <v>3</v>
      </c>
      <c r="E8" s="14" t="s">
        <v>3</v>
      </c>
      <c r="F8" s="15" t="s">
        <v>3</v>
      </c>
      <c r="G8" s="14" t="s">
        <v>3</v>
      </c>
      <c r="H8" s="53"/>
      <c r="I8" s="69"/>
    </row>
    <row r="9" spans="1:9" ht="15.75" customHeight="1" x14ac:dyDescent="0.2">
      <c r="A9" s="47" t="s">
        <v>11</v>
      </c>
      <c r="B9" s="48"/>
      <c r="C9" s="2">
        <v>4500</v>
      </c>
      <c r="D9" s="3">
        <v>29500</v>
      </c>
      <c r="E9" s="3">
        <v>12500</v>
      </c>
      <c r="F9" s="3">
        <v>4500</v>
      </c>
      <c r="G9" s="3">
        <v>58500</v>
      </c>
      <c r="H9" s="3">
        <v>109500</v>
      </c>
      <c r="I9" s="32">
        <v>44.87</v>
      </c>
    </row>
    <row r="10" spans="1:9" ht="15.75" customHeight="1" x14ac:dyDescent="0.2">
      <c r="A10" s="12"/>
      <c r="B10" s="13" t="s">
        <v>34</v>
      </c>
      <c r="C10" s="2">
        <v>2500</v>
      </c>
      <c r="D10" s="3">
        <v>14000</v>
      </c>
      <c r="E10" s="3">
        <v>7000</v>
      </c>
      <c r="F10" s="3">
        <v>2500</v>
      </c>
      <c r="G10" s="3">
        <v>30000</v>
      </c>
      <c r="H10" s="3">
        <v>56000</v>
      </c>
      <c r="I10" s="32">
        <v>43.07</v>
      </c>
    </row>
    <row r="11" spans="1:9" ht="15.75" customHeight="1" thickBot="1" x14ac:dyDescent="0.25">
      <c r="A11" s="12"/>
      <c r="B11" s="13" t="s">
        <v>35</v>
      </c>
      <c r="C11" s="2">
        <v>2000</v>
      </c>
      <c r="D11" s="3">
        <v>15500</v>
      </c>
      <c r="E11" s="3">
        <v>5500</v>
      </c>
      <c r="F11" s="3">
        <v>2000</v>
      </c>
      <c r="G11" s="3">
        <v>28500</v>
      </c>
      <c r="H11" s="3">
        <v>53500</v>
      </c>
      <c r="I11" s="32">
        <v>46.91</v>
      </c>
    </row>
    <row r="12" spans="1:9" ht="15.75" customHeight="1" thickTop="1" x14ac:dyDescent="0.2">
      <c r="A12" s="65" t="s">
        <v>36</v>
      </c>
      <c r="B12" s="66"/>
      <c r="C12" s="28">
        <v>4500</v>
      </c>
      <c r="D12" s="29">
        <v>29500</v>
      </c>
      <c r="E12" s="29">
        <v>12500</v>
      </c>
      <c r="F12" s="29">
        <v>4500</v>
      </c>
      <c r="G12" s="29">
        <v>58500</v>
      </c>
      <c r="H12" s="29">
        <v>109500</v>
      </c>
      <c r="I12" s="33">
        <v>44.87</v>
      </c>
    </row>
    <row r="13" spans="1:9" ht="14.4" thickBot="1" x14ac:dyDescent="0.25">
      <c r="A13" s="26"/>
      <c r="B13" s="27" t="s">
        <v>172</v>
      </c>
      <c r="C13" s="39"/>
      <c r="D13" s="40"/>
      <c r="E13" s="40"/>
      <c r="F13" s="40"/>
      <c r="G13" s="40"/>
      <c r="H13" s="41"/>
      <c r="I13" s="42"/>
    </row>
  </sheetData>
  <mergeCells count="10">
    <mergeCell ref="A2:B2"/>
    <mergeCell ref="A4:B4"/>
    <mergeCell ref="A5:B5"/>
    <mergeCell ref="A6:B6"/>
    <mergeCell ref="A7:B7"/>
    <mergeCell ref="A8:B8"/>
    <mergeCell ref="A9:B9"/>
    <mergeCell ref="A12:B12"/>
    <mergeCell ref="H5:H8"/>
    <mergeCell ref="I5:I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I16"/>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
      <c r="I4" s="1" t="s">
        <v>178</v>
      </c>
    </row>
    <row r="5" spans="1:9" ht="15.75" customHeight="1" x14ac:dyDescent="0.2">
      <c r="A5" s="59" t="s">
        <v>0</v>
      </c>
      <c r="B5" s="60"/>
      <c r="C5" s="4" t="s">
        <v>37</v>
      </c>
      <c r="D5" s="6" t="s">
        <v>38</v>
      </c>
      <c r="E5" s="8" t="s">
        <v>39</v>
      </c>
      <c r="F5" s="51" t="s">
        <v>9</v>
      </c>
      <c r="G5" s="54" t="s">
        <v>10</v>
      </c>
      <c r="H5" s="19"/>
      <c r="I5" s="18"/>
    </row>
    <row r="6" spans="1:9" ht="15.75" customHeight="1" x14ac:dyDescent="0.2">
      <c r="A6" s="61"/>
      <c r="B6" s="62"/>
      <c r="C6" s="5" t="s">
        <v>3</v>
      </c>
      <c r="D6" s="7" t="s">
        <v>3</v>
      </c>
      <c r="E6" s="5" t="s">
        <v>3</v>
      </c>
      <c r="F6" s="52"/>
      <c r="G6" s="55"/>
      <c r="H6" s="19"/>
      <c r="I6" s="18"/>
    </row>
    <row r="7" spans="1:9" ht="15.75" customHeight="1" x14ac:dyDescent="0.2">
      <c r="A7" s="63" t="s">
        <v>1</v>
      </c>
      <c r="B7" s="64"/>
      <c r="C7" s="5" t="s">
        <v>4</v>
      </c>
      <c r="D7" s="7" t="s">
        <v>20</v>
      </c>
      <c r="E7" s="5" t="s">
        <v>6</v>
      </c>
      <c r="F7" s="52"/>
      <c r="G7" s="55"/>
      <c r="H7" s="19"/>
      <c r="I7" s="18"/>
    </row>
    <row r="8" spans="1:9" ht="15.75" customHeight="1" x14ac:dyDescent="0.2">
      <c r="A8" s="45"/>
      <c r="B8" s="46"/>
      <c r="C8" s="14" t="s">
        <v>3</v>
      </c>
      <c r="D8" s="15" t="s">
        <v>3</v>
      </c>
      <c r="E8" s="14" t="s">
        <v>3</v>
      </c>
      <c r="F8" s="53"/>
      <c r="G8" s="56"/>
      <c r="H8" s="19"/>
      <c r="I8" s="18"/>
    </row>
    <row r="9" spans="1:9" ht="15.75" customHeight="1" x14ac:dyDescent="0.2">
      <c r="A9" s="47" t="s">
        <v>11</v>
      </c>
      <c r="B9" s="48"/>
      <c r="C9" s="2">
        <v>13000</v>
      </c>
      <c r="D9" s="3">
        <v>6000</v>
      </c>
      <c r="E9" s="3">
        <v>13000</v>
      </c>
      <c r="F9" s="3">
        <v>32000</v>
      </c>
      <c r="G9" s="30">
        <v>52.62</v>
      </c>
      <c r="H9" s="19"/>
      <c r="I9" s="18"/>
    </row>
    <row r="10" spans="1:9" ht="15.75" customHeight="1" x14ac:dyDescent="0.2">
      <c r="A10" s="12"/>
      <c r="B10" s="13" t="s">
        <v>40</v>
      </c>
      <c r="C10" s="2">
        <v>13000</v>
      </c>
      <c r="D10" s="3">
        <v>6000</v>
      </c>
      <c r="E10" s="3">
        <v>13000</v>
      </c>
      <c r="F10" s="3">
        <v>32000</v>
      </c>
      <c r="G10" s="30">
        <v>52.62</v>
      </c>
      <c r="H10" s="19"/>
      <c r="I10" s="18"/>
    </row>
    <row r="11" spans="1:9" ht="15.75" customHeight="1" x14ac:dyDescent="0.2">
      <c r="A11" s="47" t="s">
        <v>41</v>
      </c>
      <c r="B11" s="48"/>
      <c r="C11" s="2">
        <v>30000</v>
      </c>
      <c r="D11" s="3">
        <v>5500</v>
      </c>
      <c r="E11" s="3">
        <v>33000</v>
      </c>
      <c r="F11" s="3">
        <v>68500</v>
      </c>
      <c r="G11" s="30">
        <v>72.78</v>
      </c>
      <c r="H11" s="19"/>
      <c r="I11" s="18"/>
    </row>
    <row r="12" spans="1:9" ht="15.75" customHeight="1" x14ac:dyDescent="0.2">
      <c r="A12" s="47" t="s">
        <v>42</v>
      </c>
      <c r="B12" s="48"/>
      <c r="C12" s="2">
        <v>12926</v>
      </c>
      <c r="D12" s="3">
        <v>3337</v>
      </c>
      <c r="E12" s="3">
        <v>14272</v>
      </c>
      <c r="F12" s="3">
        <v>30535</v>
      </c>
      <c r="G12" s="30">
        <v>100</v>
      </c>
      <c r="H12" s="19"/>
      <c r="I12" s="18"/>
    </row>
    <row r="13" spans="1:9" ht="15.75" customHeight="1" x14ac:dyDescent="0.2">
      <c r="A13" s="47" t="s">
        <v>43</v>
      </c>
      <c r="B13" s="48"/>
      <c r="C13" s="2">
        <v>6444</v>
      </c>
      <c r="D13" s="3">
        <v>2041</v>
      </c>
      <c r="E13" s="3">
        <v>7538</v>
      </c>
      <c r="F13" s="3">
        <v>16023</v>
      </c>
      <c r="G13" s="30">
        <v>100</v>
      </c>
      <c r="H13" s="19"/>
      <c r="I13" s="18"/>
    </row>
    <row r="14" spans="1:9" ht="15.75" customHeight="1" thickBot="1" x14ac:dyDescent="0.25">
      <c r="A14" s="12"/>
      <c r="B14" s="13" t="s">
        <v>44</v>
      </c>
      <c r="C14" s="2">
        <v>6444</v>
      </c>
      <c r="D14" s="3">
        <v>2041</v>
      </c>
      <c r="E14" s="3">
        <v>7538</v>
      </c>
      <c r="F14" s="3">
        <v>16023</v>
      </c>
      <c r="G14" s="30">
        <v>100</v>
      </c>
      <c r="H14" s="19"/>
      <c r="I14" s="18"/>
    </row>
    <row r="15" spans="1:9" ht="15.75" customHeight="1" thickTop="1" x14ac:dyDescent="0.2">
      <c r="A15" s="65" t="s">
        <v>45</v>
      </c>
      <c r="B15" s="66"/>
      <c r="C15" s="28">
        <v>62370</v>
      </c>
      <c r="D15" s="29">
        <v>16878</v>
      </c>
      <c r="E15" s="29">
        <v>67810</v>
      </c>
      <c r="F15" s="29">
        <v>147058</v>
      </c>
      <c r="G15" s="33">
        <v>73.180000000000007</v>
      </c>
      <c r="H15" s="19"/>
      <c r="I15" s="18"/>
    </row>
    <row r="16" spans="1:9" ht="14.4" thickBot="1" x14ac:dyDescent="0.25">
      <c r="A16" s="26"/>
      <c r="B16" s="27" t="s">
        <v>172</v>
      </c>
      <c r="C16" s="39"/>
      <c r="D16" s="40"/>
      <c r="E16" s="40"/>
      <c r="F16" s="41"/>
      <c r="G16" s="42"/>
    </row>
  </sheetData>
  <mergeCells count="13">
    <mergeCell ref="A2:B2"/>
    <mergeCell ref="A4:B4"/>
    <mergeCell ref="A5:B5"/>
    <mergeCell ref="A6:B6"/>
    <mergeCell ref="A7:B7"/>
    <mergeCell ref="A15:B15"/>
    <mergeCell ref="F5:F8"/>
    <mergeCell ref="G5:G8"/>
    <mergeCell ref="A8:B8"/>
    <mergeCell ref="A9:B9"/>
    <mergeCell ref="A11:B11"/>
    <mergeCell ref="A12:B12"/>
    <mergeCell ref="A13:B13"/>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I13"/>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7"/>
      <c r="I4" s="1" t="s">
        <v>179</v>
      </c>
    </row>
    <row r="5" spans="1:9" ht="15.75" customHeight="1" x14ac:dyDescent="0.2">
      <c r="A5" s="59" t="s">
        <v>0</v>
      </c>
      <c r="B5" s="60"/>
      <c r="C5" s="4" t="s">
        <v>46</v>
      </c>
      <c r="D5" s="6" t="s">
        <v>47</v>
      </c>
      <c r="E5" s="8" t="s">
        <v>48</v>
      </c>
      <c r="F5" s="6" t="s">
        <v>49</v>
      </c>
      <c r="G5" s="54" t="s">
        <v>9</v>
      </c>
      <c r="H5" s="51" t="s">
        <v>10</v>
      </c>
      <c r="I5" s="19"/>
    </row>
    <row r="6" spans="1:9" ht="15.75" customHeight="1" x14ac:dyDescent="0.2">
      <c r="A6" s="61"/>
      <c r="B6" s="62"/>
      <c r="C6" s="5" t="s">
        <v>3</v>
      </c>
      <c r="D6" s="7" t="s">
        <v>3</v>
      </c>
      <c r="E6" s="5" t="s">
        <v>3</v>
      </c>
      <c r="F6" s="7" t="s">
        <v>3</v>
      </c>
      <c r="G6" s="55"/>
      <c r="H6" s="52"/>
      <c r="I6" s="19"/>
    </row>
    <row r="7" spans="1:9" ht="15.75" customHeight="1" x14ac:dyDescent="0.2">
      <c r="A7" s="63" t="s">
        <v>1</v>
      </c>
      <c r="B7" s="64"/>
      <c r="C7" s="5" t="s">
        <v>8</v>
      </c>
      <c r="D7" s="7" t="s">
        <v>4</v>
      </c>
      <c r="E7" s="5" t="s">
        <v>22</v>
      </c>
      <c r="F7" s="7" t="s">
        <v>6</v>
      </c>
      <c r="G7" s="55"/>
      <c r="H7" s="52"/>
      <c r="I7" s="19"/>
    </row>
    <row r="8" spans="1:9" ht="15.75" customHeight="1" x14ac:dyDescent="0.2">
      <c r="A8" s="45"/>
      <c r="B8" s="46"/>
      <c r="C8" s="14" t="s">
        <v>3</v>
      </c>
      <c r="D8" s="15" t="s">
        <v>3</v>
      </c>
      <c r="E8" s="14" t="s">
        <v>3</v>
      </c>
      <c r="F8" s="15" t="s">
        <v>3</v>
      </c>
      <c r="G8" s="56"/>
      <c r="H8" s="53"/>
      <c r="I8" s="19"/>
    </row>
    <row r="9" spans="1:9" ht="15.75" customHeight="1" x14ac:dyDescent="0.2">
      <c r="A9" s="47" t="s">
        <v>11</v>
      </c>
      <c r="B9" s="48"/>
      <c r="C9" s="2">
        <v>16000</v>
      </c>
      <c r="D9" s="3">
        <v>16000</v>
      </c>
      <c r="E9" s="3">
        <v>12000</v>
      </c>
      <c r="F9" s="3">
        <v>16000</v>
      </c>
      <c r="G9" s="3">
        <v>60000</v>
      </c>
      <c r="H9" s="30">
        <v>29.05</v>
      </c>
      <c r="I9" s="19"/>
    </row>
    <row r="10" spans="1:9" ht="15.75" customHeight="1" x14ac:dyDescent="0.2">
      <c r="A10" s="12"/>
      <c r="B10" s="13" t="s">
        <v>50</v>
      </c>
      <c r="C10" s="2">
        <v>8000</v>
      </c>
      <c r="D10" s="3">
        <v>8000</v>
      </c>
      <c r="E10" s="3">
        <v>8000</v>
      </c>
      <c r="F10" s="3">
        <v>8000</v>
      </c>
      <c r="G10" s="3">
        <v>32000</v>
      </c>
      <c r="H10" s="30">
        <v>23.6</v>
      </c>
      <c r="I10" s="19"/>
    </row>
    <row r="11" spans="1:9" ht="15.75" customHeight="1" thickBot="1" x14ac:dyDescent="0.25">
      <c r="A11" s="12"/>
      <c r="B11" s="13" t="s">
        <v>51</v>
      </c>
      <c r="C11" s="2">
        <v>8000</v>
      </c>
      <c r="D11" s="3">
        <v>8000</v>
      </c>
      <c r="E11" s="3">
        <v>4000</v>
      </c>
      <c r="F11" s="3">
        <v>8000</v>
      </c>
      <c r="G11" s="3">
        <v>28000</v>
      </c>
      <c r="H11" s="30">
        <v>39.44</v>
      </c>
      <c r="I11" s="19"/>
    </row>
    <row r="12" spans="1:9" ht="15.75" customHeight="1" thickTop="1" x14ac:dyDescent="0.2">
      <c r="A12" s="65" t="s">
        <v>52</v>
      </c>
      <c r="B12" s="66"/>
      <c r="C12" s="28">
        <v>16000</v>
      </c>
      <c r="D12" s="29">
        <v>16000</v>
      </c>
      <c r="E12" s="29">
        <v>12000</v>
      </c>
      <c r="F12" s="29">
        <v>16000</v>
      </c>
      <c r="G12" s="29">
        <v>60000</v>
      </c>
      <c r="H12" s="33">
        <v>29.05</v>
      </c>
      <c r="I12" s="19"/>
    </row>
    <row r="13" spans="1:9" ht="14.4" thickBot="1" x14ac:dyDescent="0.25">
      <c r="A13" s="26"/>
      <c r="B13" s="27" t="s">
        <v>172</v>
      </c>
      <c r="C13" s="39"/>
      <c r="D13" s="40"/>
      <c r="E13" s="40"/>
      <c r="F13" s="40"/>
      <c r="G13" s="41"/>
      <c r="H13" s="42"/>
    </row>
  </sheetData>
  <mergeCells count="10">
    <mergeCell ref="A2:B2"/>
    <mergeCell ref="A4:B4"/>
    <mergeCell ref="A5:B5"/>
    <mergeCell ref="A6:B6"/>
    <mergeCell ref="A7:B7"/>
    <mergeCell ref="A8:B8"/>
    <mergeCell ref="A9:B9"/>
    <mergeCell ref="A12:B12"/>
    <mergeCell ref="G5:G8"/>
    <mergeCell ref="H5:H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I13"/>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1"/>
      <c r="H4" s="1"/>
      <c r="I4" s="1" t="s">
        <v>180</v>
      </c>
    </row>
    <row r="5" spans="1:9" ht="15.75" customHeight="1" x14ac:dyDescent="0.2">
      <c r="A5" s="59" t="s">
        <v>0</v>
      </c>
      <c r="B5" s="60"/>
      <c r="C5" s="4" t="s">
        <v>53</v>
      </c>
      <c r="D5" s="6" t="s">
        <v>54</v>
      </c>
      <c r="E5" s="54" t="s">
        <v>9</v>
      </c>
      <c r="F5" s="51" t="s">
        <v>10</v>
      </c>
      <c r="G5" s="19"/>
      <c r="H5" s="18"/>
      <c r="I5" s="18"/>
    </row>
    <row r="6" spans="1:9" ht="15.75" customHeight="1" x14ac:dyDescent="0.2">
      <c r="A6" s="61"/>
      <c r="B6" s="62"/>
      <c r="C6" s="5" t="s">
        <v>3</v>
      </c>
      <c r="D6" s="7" t="s">
        <v>3</v>
      </c>
      <c r="E6" s="55"/>
      <c r="F6" s="52"/>
      <c r="G6" s="19"/>
      <c r="H6" s="18"/>
      <c r="I6" s="18"/>
    </row>
    <row r="7" spans="1:9" ht="15.75" customHeight="1" x14ac:dyDescent="0.2">
      <c r="A7" s="63" t="s">
        <v>1</v>
      </c>
      <c r="B7" s="64"/>
      <c r="C7" s="5" t="s">
        <v>6</v>
      </c>
      <c r="D7" s="7" t="s">
        <v>4</v>
      </c>
      <c r="E7" s="55"/>
      <c r="F7" s="52"/>
      <c r="G7" s="19"/>
      <c r="H7" s="18"/>
      <c r="I7" s="18"/>
    </row>
    <row r="8" spans="1:9" ht="15.75" customHeight="1" x14ac:dyDescent="0.2">
      <c r="A8" s="45"/>
      <c r="B8" s="46"/>
      <c r="C8" s="14" t="s">
        <v>3</v>
      </c>
      <c r="D8" s="15" t="s">
        <v>3</v>
      </c>
      <c r="E8" s="56"/>
      <c r="F8" s="53"/>
      <c r="G8" s="19"/>
      <c r="H8" s="18"/>
      <c r="I8" s="18"/>
    </row>
    <row r="9" spans="1:9" ht="15.75" customHeight="1" x14ac:dyDescent="0.2">
      <c r="A9" s="47" t="s">
        <v>11</v>
      </c>
      <c r="B9" s="48"/>
      <c r="C9" s="2">
        <v>72000</v>
      </c>
      <c r="D9" s="3">
        <v>52000</v>
      </c>
      <c r="E9" s="3">
        <v>124000</v>
      </c>
      <c r="F9" s="30">
        <v>59.71</v>
      </c>
      <c r="G9" s="19"/>
      <c r="H9" s="18"/>
      <c r="I9" s="18"/>
    </row>
    <row r="10" spans="1:9" ht="15.75" customHeight="1" x14ac:dyDescent="0.2">
      <c r="A10" s="12"/>
      <c r="B10" s="13" t="s">
        <v>55</v>
      </c>
      <c r="C10" s="2">
        <v>12000</v>
      </c>
      <c r="D10" s="3">
        <v>12000</v>
      </c>
      <c r="E10" s="3">
        <v>24000</v>
      </c>
      <c r="F10" s="30">
        <v>25.51</v>
      </c>
      <c r="G10" s="19"/>
      <c r="H10" s="18"/>
      <c r="I10" s="18"/>
    </row>
    <row r="11" spans="1:9" ht="15.75" customHeight="1" thickBot="1" x14ac:dyDescent="0.25">
      <c r="A11" s="12"/>
      <c r="B11" s="13" t="s">
        <v>56</v>
      </c>
      <c r="C11" s="2">
        <v>60000</v>
      </c>
      <c r="D11" s="3">
        <v>40000</v>
      </c>
      <c r="E11" s="3">
        <v>100000</v>
      </c>
      <c r="F11" s="30">
        <v>88</v>
      </c>
      <c r="G11" s="19"/>
      <c r="H11" s="18"/>
      <c r="I11" s="18"/>
    </row>
    <row r="12" spans="1:9" ht="15.75" customHeight="1" thickTop="1" x14ac:dyDescent="0.2">
      <c r="A12" s="65" t="s">
        <v>57</v>
      </c>
      <c r="B12" s="66"/>
      <c r="C12" s="28">
        <v>72000</v>
      </c>
      <c r="D12" s="29">
        <v>52000</v>
      </c>
      <c r="E12" s="29">
        <v>124000</v>
      </c>
      <c r="F12" s="33">
        <v>59.71</v>
      </c>
      <c r="G12" s="19"/>
      <c r="H12" s="18"/>
      <c r="I12" s="18"/>
    </row>
    <row r="13" spans="1:9" ht="14.4" thickBot="1" x14ac:dyDescent="0.25">
      <c r="A13" s="26"/>
      <c r="B13" s="27" t="s">
        <v>172</v>
      </c>
      <c r="C13" s="39"/>
      <c r="D13" s="40"/>
      <c r="E13" s="41"/>
      <c r="F13" s="42"/>
    </row>
  </sheetData>
  <mergeCells count="10">
    <mergeCell ref="A2:B2"/>
    <mergeCell ref="A4:B4"/>
    <mergeCell ref="A5:B5"/>
    <mergeCell ref="A6:B6"/>
    <mergeCell ref="A7:B7"/>
    <mergeCell ref="A8:B8"/>
    <mergeCell ref="A9:B9"/>
    <mergeCell ref="A12:B12"/>
    <mergeCell ref="E5:E8"/>
    <mergeCell ref="F5:F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I12"/>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1"/>
      <c r="H4" s="1"/>
      <c r="I4" s="1" t="s">
        <v>181</v>
      </c>
    </row>
    <row r="5" spans="1:9" ht="15.75" customHeight="1" x14ac:dyDescent="0.2">
      <c r="A5" s="59" t="s">
        <v>0</v>
      </c>
      <c r="B5" s="60"/>
      <c r="C5" s="4" t="s">
        <v>58</v>
      </c>
      <c r="D5" s="6" t="s">
        <v>59</v>
      </c>
      <c r="E5" s="54" t="s">
        <v>9</v>
      </c>
      <c r="F5" s="51" t="s">
        <v>10</v>
      </c>
      <c r="G5" s="19"/>
      <c r="H5" s="18"/>
      <c r="I5" s="18"/>
    </row>
    <row r="6" spans="1:9" ht="15.75" customHeight="1" x14ac:dyDescent="0.2">
      <c r="A6" s="61"/>
      <c r="B6" s="62"/>
      <c r="C6" s="5" t="s">
        <v>3</v>
      </c>
      <c r="D6" s="7" t="s">
        <v>3</v>
      </c>
      <c r="E6" s="55"/>
      <c r="F6" s="52"/>
      <c r="G6" s="19"/>
      <c r="H6" s="18"/>
      <c r="I6" s="18"/>
    </row>
    <row r="7" spans="1:9" ht="15.75" customHeight="1" x14ac:dyDescent="0.2">
      <c r="A7" s="63" t="s">
        <v>1</v>
      </c>
      <c r="B7" s="64"/>
      <c r="C7" s="5" t="s">
        <v>6</v>
      </c>
      <c r="D7" s="7" t="s">
        <v>4</v>
      </c>
      <c r="E7" s="55"/>
      <c r="F7" s="52"/>
      <c r="G7" s="19"/>
      <c r="H7" s="18"/>
      <c r="I7" s="18"/>
    </row>
    <row r="8" spans="1:9" ht="15.75" customHeight="1" x14ac:dyDescent="0.2">
      <c r="A8" s="45"/>
      <c r="B8" s="46"/>
      <c r="C8" s="14" t="s">
        <v>3</v>
      </c>
      <c r="D8" s="15" t="s">
        <v>3</v>
      </c>
      <c r="E8" s="56"/>
      <c r="F8" s="53"/>
      <c r="G8" s="19"/>
      <c r="H8" s="18"/>
      <c r="I8" s="18"/>
    </row>
    <row r="9" spans="1:9" ht="15.75" customHeight="1" x14ac:dyDescent="0.2">
      <c r="A9" s="47" t="s">
        <v>11</v>
      </c>
      <c r="B9" s="48"/>
      <c r="C9" s="2">
        <v>19500</v>
      </c>
      <c r="D9" s="3">
        <v>16000</v>
      </c>
      <c r="E9" s="3">
        <v>35500</v>
      </c>
      <c r="F9" s="30">
        <v>19.64</v>
      </c>
      <c r="G9" s="19"/>
      <c r="H9" s="18"/>
      <c r="I9" s="18"/>
    </row>
    <row r="10" spans="1:9" ht="15.75" customHeight="1" thickBot="1" x14ac:dyDescent="0.25">
      <c r="A10" s="12"/>
      <c r="B10" s="13" t="s">
        <v>60</v>
      </c>
      <c r="C10" s="2">
        <v>19500</v>
      </c>
      <c r="D10" s="3">
        <v>16000</v>
      </c>
      <c r="E10" s="3">
        <v>35500</v>
      </c>
      <c r="F10" s="30">
        <v>19.63</v>
      </c>
      <c r="G10" s="19"/>
      <c r="H10" s="18"/>
      <c r="I10" s="18"/>
    </row>
    <row r="11" spans="1:9" ht="15.75" customHeight="1" thickTop="1" x14ac:dyDescent="0.2">
      <c r="A11" s="65" t="s">
        <v>61</v>
      </c>
      <c r="B11" s="66"/>
      <c r="C11" s="28">
        <v>19500</v>
      </c>
      <c r="D11" s="29">
        <v>16000</v>
      </c>
      <c r="E11" s="29">
        <v>35500</v>
      </c>
      <c r="F11" s="33">
        <v>19.64</v>
      </c>
      <c r="G11" s="19"/>
      <c r="H11" s="18"/>
      <c r="I11" s="18"/>
    </row>
    <row r="12" spans="1:9" ht="14.4" thickBot="1" x14ac:dyDescent="0.25">
      <c r="A12" s="26"/>
      <c r="B12" s="27" t="s">
        <v>172</v>
      </c>
      <c r="C12" s="39"/>
      <c r="D12" s="40"/>
      <c r="E12" s="41"/>
      <c r="F12" s="42"/>
    </row>
  </sheetData>
  <mergeCells count="10">
    <mergeCell ref="A2:B2"/>
    <mergeCell ref="A4:B4"/>
    <mergeCell ref="A5:B5"/>
    <mergeCell ref="A6:B6"/>
    <mergeCell ref="A7:B7"/>
    <mergeCell ref="A8:B8"/>
    <mergeCell ref="A9:B9"/>
    <mergeCell ref="A11:B11"/>
    <mergeCell ref="E5:E8"/>
    <mergeCell ref="F5:F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I13"/>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1"/>
      <c r="H4" s="1"/>
      <c r="I4" s="1" t="s">
        <v>182</v>
      </c>
    </row>
    <row r="5" spans="1:9" ht="15.75" customHeight="1" x14ac:dyDescent="0.2">
      <c r="A5" s="59" t="s">
        <v>0</v>
      </c>
      <c r="B5" s="60"/>
      <c r="C5" s="4" t="s">
        <v>62</v>
      </c>
      <c r="D5" s="6" t="s">
        <v>63</v>
      </c>
      <c r="E5" s="54" t="s">
        <v>9</v>
      </c>
      <c r="F5" s="51" t="s">
        <v>10</v>
      </c>
      <c r="G5" s="19"/>
      <c r="H5" s="18"/>
      <c r="I5" s="18"/>
    </row>
    <row r="6" spans="1:9" ht="15.75" customHeight="1" x14ac:dyDescent="0.2">
      <c r="A6" s="61"/>
      <c r="B6" s="62"/>
      <c r="C6" s="5" t="s">
        <v>3</v>
      </c>
      <c r="D6" s="7" t="s">
        <v>3</v>
      </c>
      <c r="E6" s="55"/>
      <c r="F6" s="52"/>
      <c r="G6" s="19"/>
      <c r="H6" s="18"/>
      <c r="I6" s="18"/>
    </row>
    <row r="7" spans="1:9" ht="15.75" customHeight="1" x14ac:dyDescent="0.2">
      <c r="A7" s="63" t="s">
        <v>1</v>
      </c>
      <c r="B7" s="64"/>
      <c r="C7" s="5" t="s">
        <v>4</v>
      </c>
      <c r="D7" s="7" t="s">
        <v>6</v>
      </c>
      <c r="E7" s="55"/>
      <c r="F7" s="52"/>
      <c r="G7" s="19"/>
      <c r="H7" s="18"/>
      <c r="I7" s="18"/>
    </row>
    <row r="8" spans="1:9" ht="15.75" customHeight="1" x14ac:dyDescent="0.2">
      <c r="A8" s="45"/>
      <c r="B8" s="46"/>
      <c r="C8" s="14" t="s">
        <v>3</v>
      </c>
      <c r="D8" s="15" t="s">
        <v>3</v>
      </c>
      <c r="E8" s="56"/>
      <c r="F8" s="53"/>
      <c r="G8" s="19"/>
      <c r="H8" s="18"/>
      <c r="I8" s="18"/>
    </row>
    <row r="9" spans="1:9" ht="15.75" customHeight="1" x14ac:dyDescent="0.2">
      <c r="A9" s="47" t="s">
        <v>11</v>
      </c>
      <c r="B9" s="48"/>
      <c r="C9" s="2">
        <v>55500</v>
      </c>
      <c r="D9" s="3">
        <v>55500</v>
      </c>
      <c r="E9" s="3">
        <v>111000</v>
      </c>
      <c r="F9" s="30">
        <v>45.14</v>
      </c>
      <c r="G9" s="19"/>
      <c r="H9" s="18"/>
      <c r="I9" s="18"/>
    </row>
    <row r="10" spans="1:9" ht="15.75" customHeight="1" x14ac:dyDescent="0.2">
      <c r="A10" s="12"/>
      <c r="B10" s="13" t="s">
        <v>64</v>
      </c>
      <c r="C10" s="2">
        <v>28500</v>
      </c>
      <c r="D10" s="3">
        <v>28500</v>
      </c>
      <c r="E10" s="3">
        <v>57000</v>
      </c>
      <c r="F10" s="30">
        <v>65.8</v>
      </c>
      <c r="G10" s="19"/>
      <c r="H10" s="18"/>
      <c r="I10" s="18"/>
    </row>
    <row r="11" spans="1:9" ht="15.75" customHeight="1" thickBot="1" x14ac:dyDescent="0.25">
      <c r="A11" s="12"/>
      <c r="B11" s="13" t="s">
        <v>65</v>
      </c>
      <c r="C11" s="2">
        <v>27000</v>
      </c>
      <c r="D11" s="3">
        <v>27000</v>
      </c>
      <c r="E11" s="3">
        <v>54000</v>
      </c>
      <c r="F11" s="30">
        <v>33.89</v>
      </c>
      <c r="G11" s="19"/>
      <c r="H11" s="18"/>
      <c r="I11" s="18"/>
    </row>
    <row r="12" spans="1:9" ht="15.75" customHeight="1" thickTop="1" x14ac:dyDescent="0.2">
      <c r="A12" s="65" t="s">
        <v>66</v>
      </c>
      <c r="B12" s="66"/>
      <c r="C12" s="28">
        <v>55500</v>
      </c>
      <c r="D12" s="29">
        <v>55500</v>
      </c>
      <c r="E12" s="29">
        <v>111000</v>
      </c>
      <c r="F12" s="33">
        <v>45.14</v>
      </c>
      <c r="G12" s="19"/>
      <c r="H12" s="18"/>
      <c r="I12" s="18"/>
    </row>
    <row r="13" spans="1:9" ht="14.4" thickBot="1" x14ac:dyDescent="0.25">
      <c r="A13" s="26"/>
      <c r="B13" s="27" t="s">
        <v>172</v>
      </c>
      <c r="C13" s="39"/>
      <c r="D13" s="40"/>
      <c r="E13" s="41"/>
      <c r="F13" s="42"/>
    </row>
  </sheetData>
  <mergeCells count="10">
    <mergeCell ref="A2:B2"/>
    <mergeCell ref="A4:B4"/>
    <mergeCell ref="A5:B5"/>
    <mergeCell ref="A6:B6"/>
    <mergeCell ref="A7:B7"/>
    <mergeCell ref="A8:B8"/>
    <mergeCell ref="A9:B9"/>
    <mergeCell ref="A12:B12"/>
    <mergeCell ref="E5:E8"/>
    <mergeCell ref="F5:F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I13"/>
  <sheetViews>
    <sheetView view="pageBreakPreview" workbookViewId="0"/>
  </sheetViews>
  <sheetFormatPr defaultRowHeight="13.2" x14ac:dyDescent="0.2"/>
  <cols>
    <col min="1" max="1" width="2.6640625" customWidth="1"/>
    <col min="2" max="2" width="18.6640625" customWidth="1"/>
    <col min="3" max="9" width="20.44140625" customWidth="1"/>
  </cols>
  <sheetData>
    <row r="1" spans="1:9" ht="15" customHeight="1" x14ac:dyDescent="0.2">
      <c r="A1" s="11"/>
      <c r="B1" s="11"/>
      <c r="C1" s="11"/>
      <c r="D1" s="11"/>
      <c r="E1" s="11"/>
      <c r="F1" s="11"/>
      <c r="G1" s="11"/>
      <c r="H1" s="1"/>
      <c r="I1" s="1"/>
    </row>
    <row r="2" spans="1:9" ht="18.75" customHeight="1" x14ac:dyDescent="0.2">
      <c r="A2" s="57" t="s">
        <v>173</v>
      </c>
      <c r="B2" s="57"/>
      <c r="C2" s="9"/>
      <c r="D2" s="10" t="s">
        <v>175</v>
      </c>
      <c r="E2" s="11"/>
      <c r="F2" s="11"/>
      <c r="G2" s="11"/>
      <c r="H2" s="11"/>
      <c r="I2" s="11"/>
    </row>
    <row r="3" spans="1:9" ht="15" customHeight="1" x14ac:dyDescent="0.2">
      <c r="A3" s="11"/>
      <c r="B3" s="11"/>
      <c r="C3" s="11"/>
      <c r="D3" s="11"/>
      <c r="E3" s="11"/>
      <c r="F3" s="11"/>
      <c r="G3" s="11"/>
      <c r="H3" s="1"/>
      <c r="I3" s="1"/>
    </row>
    <row r="4" spans="1:9" ht="15" customHeight="1" x14ac:dyDescent="0.2">
      <c r="A4" s="58" t="s">
        <v>16</v>
      </c>
      <c r="B4" s="58"/>
      <c r="C4" s="16"/>
      <c r="D4" s="16"/>
      <c r="E4" s="16"/>
      <c r="F4" s="16"/>
      <c r="G4" s="16"/>
      <c r="H4" s="1"/>
      <c r="I4" s="1" t="s">
        <v>183</v>
      </c>
    </row>
    <row r="5" spans="1:9" ht="15.75" customHeight="1" x14ac:dyDescent="0.2">
      <c r="A5" s="59" t="s">
        <v>0</v>
      </c>
      <c r="B5" s="60"/>
      <c r="C5" s="4" t="s">
        <v>67</v>
      </c>
      <c r="D5" s="6" t="s">
        <v>68</v>
      </c>
      <c r="E5" s="8" t="s">
        <v>69</v>
      </c>
      <c r="F5" s="51" t="s">
        <v>9</v>
      </c>
      <c r="G5" s="54" t="s">
        <v>10</v>
      </c>
      <c r="H5" s="19"/>
      <c r="I5" s="18"/>
    </row>
    <row r="6" spans="1:9" ht="15.75" customHeight="1" x14ac:dyDescent="0.2">
      <c r="A6" s="61"/>
      <c r="B6" s="62"/>
      <c r="C6" s="5" t="s">
        <v>3</v>
      </c>
      <c r="D6" s="7" t="s">
        <v>3</v>
      </c>
      <c r="E6" s="5" t="s">
        <v>3</v>
      </c>
      <c r="F6" s="52"/>
      <c r="G6" s="55"/>
      <c r="H6" s="19"/>
      <c r="I6" s="18"/>
    </row>
    <row r="7" spans="1:9" ht="15.75" customHeight="1" x14ac:dyDescent="0.2">
      <c r="A7" s="63" t="s">
        <v>1</v>
      </c>
      <c r="B7" s="64"/>
      <c r="C7" s="5" t="s">
        <v>4</v>
      </c>
      <c r="D7" s="7" t="s">
        <v>22</v>
      </c>
      <c r="E7" s="5" t="s">
        <v>6</v>
      </c>
      <c r="F7" s="52"/>
      <c r="G7" s="55"/>
      <c r="H7" s="19"/>
      <c r="I7" s="18"/>
    </row>
    <row r="8" spans="1:9" ht="15.75" customHeight="1" x14ac:dyDescent="0.2">
      <c r="A8" s="45"/>
      <c r="B8" s="46"/>
      <c r="C8" s="14" t="s">
        <v>3</v>
      </c>
      <c r="D8" s="15" t="s">
        <v>3</v>
      </c>
      <c r="E8" s="14" t="s">
        <v>3</v>
      </c>
      <c r="F8" s="53"/>
      <c r="G8" s="56"/>
      <c r="H8" s="19"/>
      <c r="I8" s="18"/>
    </row>
    <row r="9" spans="1:9" ht="15.75" customHeight="1" x14ac:dyDescent="0.2">
      <c r="A9" s="47" t="s">
        <v>70</v>
      </c>
      <c r="B9" s="48"/>
      <c r="C9" s="2">
        <v>75000</v>
      </c>
      <c r="D9" s="3">
        <v>13500</v>
      </c>
      <c r="E9" s="3">
        <v>75000</v>
      </c>
      <c r="F9" s="3">
        <v>163500</v>
      </c>
      <c r="G9" s="30">
        <v>84.38</v>
      </c>
      <c r="H9" s="19"/>
      <c r="I9" s="18"/>
    </row>
    <row r="10" spans="1:9" ht="15.75" customHeight="1" x14ac:dyDescent="0.2">
      <c r="A10" s="12"/>
      <c r="B10" s="13" t="s">
        <v>71</v>
      </c>
      <c r="C10" s="2">
        <v>42000</v>
      </c>
      <c r="D10" s="3">
        <v>9500</v>
      </c>
      <c r="E10" s="3">
        <v>42000</v>
      </c>
      <c r="F10" s="3">
        <v>93500</v>
      </c>
      <c r="G10" s="30">
        <v>89.45</v>
      </c>
      <c r="H10" s="19"/>
      <c r="I10" s="18"/>
    </row>
    <row r="11" spans="1:9" ht="15.75" customHeight="1" thickBot="1" x14ac:dyDescent="0.25">
      <c r="A11" s="12"/>
      <c r="B11" s="13" t="s">
        <v>72</v>
      </c>
      <c r="C11" s="2">
        <v>33000</v>
      </c>
      <c r="D11" s="3">
        <v>4000</v>
      </c>
      <c r="E11" s="3">
        <v>33000</v>
      </c>
      <c r="F11" s="3">
        <v>70000</v>
      </c>
      <c r="G11" s="30">
        <v>78.44</v>
      </c>
      <c r="H11" s="19"/>
      <c r="I11" s="18"/>
    </row>
    <row r="12" spans="1:9" ht="15.75" customHeight="1" thickTop="1" x14ac:dyDescent="0.2">
      <c r="A12" s="65" t="s">
        <v>73</v>
      </c>
      <c r="B12" s="66"/>
      <c r="C12" s="28">
        <v>75000</v>
      </c>
      <c r="D12" s="29">
        <v>13500</v>
      </c>
      <c r="E12" s="29">
        <v>75000</v>
      </c>
      <c r="F12" s="29">
        <v>163500</v>
      </c>
      <c r="G12" s="33">
        <v>84.38</v>
      </c>
      <c r="H12" s="19"/>
      <c r="I12" s="18"/>
    </row>
    <row r="13" spans="1:9" ht="14.4" thickBot="1" x14ac:dyDescent="0.25">
      <c r="A13" s="26"/>
      <c r="B13" s="27" t="s">
        <v>172</v>
      </c>
      <c r="C13" s="39"/>
      <c r="D13" s="40"/>
      <c r="E13" s="40"/>
      <c r="F13" s="41"/>
      <c r="G13" s="42"/>
    </row>
  </sheetData>
  <mergeCells count="10">
    <mergeCell ref="A2:B2"/>
    <mergeCell ref="A4:B4"/>
    <mergeCell ref="A5:B5"/>
    <mergeCell ref="A6:B6"/>
    <mergeCell ref="A7:B7"/>
    <mergeCell ref="A8:B8"/>
    <mergeCell ref="A9:B9"/>
    <mergeCell ref="A12:B12"/>
    <mergeCell ref="F5:F8"/>
    <mergeCell ref="G5:G8"/>
  </mergeCells>
  <phoneticPr fontId="2"/>
  <printOptions horizontalCentered="1"/>
  <pageMargins left="0.39370078740157483" right="0.39370078740157483" top="0.59055118110236227" bottom="0.59055118110236227" header="0.19685039370078741" footer="0.19685039370078741"/>
  <pageSetup paperSize="9" scale="76" orientation="landscape" r:id="rId1"/>
  <colBreaks count="1" manualBreakCount="1">
    <brk id="9"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0</vt:i4>
      </vt:variant>
      <vt:variant>
        <vt:lpstr>名前付き一覧</vt:lpstr>
      </vt:variant>
      <vt:variant>
        <vt:i4>40</vt:i4>
      </vt:variant>
    </vt:vector>
  </HeadingPairs>
  <TitlesOfParts>
    <vt:vector size="60" baseType="lpstr">
      <vt:lpstr>第1区</vt:lpstr>
      <vt:lpstr>第2区</vt:lpstr>
      <vt:lpstr>第3区</vt:lpstr>
      <vt:lpstr>第4区</vt:lpstr>
      <vt:lpstr>第5区</vt:lpstr>
      <vt:lpstr>第6区</vt:lpstr>
      <vt:lpstr>第7区</vt:lpstr>
      <vt:lpstr>第8区</vt:lpstr>
      <vt:lpstr>第9区</vt:lpstr>
      <vt:lpstr>第10区</vt:lpstr>
      <vt:lpstr>第11区</vt:lpstr>
      <vt:lpstr>第12区</vt:lpstr>
      <vt:lpstr>第13区</vt:lpstr>
      <vt:lpstr>第14区</vt:lpstr>
      <vt:lpstr>第15区</vt:lpstr>
      <vt:lpstr>第16区</vt:lpstr>
      <vt:lpstr>第17区</vt:lpstr>
      <vt:lpstr>第18区</vt:lpstr>
      <vt:lpstr>第19区</vt:lpstr>
      <vt:lpstr>第20区</vt:lpstr>
      <vt:lpstr>第10区!Print_Area</vt:lpstr>
      <vt:lpstr>第11区!Print_Area</vt:lpstr>
      <vt:lpstr>第12区!Print_Area</vt:lpstr>
      <vt:lpstr>第13区!Print_Area</vt:lpstr>
      <vt:lpstr>第14区!Print_Area</vt:lpstr>
      <vt:lpstr>第15区!Print_Area</vt:lpstr>
      <vt:lpstr>第16区!Print_Area</vt:lpstr>
      <vt:lpstr>第17区!Print_Area</vt:lpstr>
      <vt:lpstr>第18区!Print_Area</vt:lpstr>
      <vt:lpstr>第19区!Print_Area</vt:lpstr>
      <vt:lpstr>第1区!Print_Area</vt:lpstr>
      <vt:lpstr>第20区!Print_Area</vt:lpstr>
      <vt:lpstr>第2区!Print_Area</vt:lpstr>
      <vt:lpstr>第3区!Print_Area</vt:lpstr>
      <vt:lpstr>第4区!Print_Area</vt:lpstr>
      <vt:lpstr>第5区!Print_Area</vt:lpstr>
      <vt:lpstr>第6区!Print_Area</vt:lpstr>
      <vt:lpstr>第7区!Print_Area</vt:lpstr>
      <vt:lpstr>第8区!Print_Area</vt:lpstr>
      <vt:lpstr>第9区!Print_Area</vt:lpstr>
      <vt:lpstr>第10区!Print_Titles</vt:lpstr>
      <vt:lpstr>第11区!Print_Titles</vt:lpstr>
      <vt:lpstr>第12区!Print_Titles</vt:lpstr>
      <vt:lpstr>第13区!Print_Titles</vt:lpstr>
      <vt:lpstr>第14区!Print_Titles</vt:lpstr>
      <vt:lpstr>第15区!Print_Titles</vt:lpstr>
      <vt:lpstr>第16区!Print_Titles</vt:lpstr>
      <vt:lpstr>第17区!Print_Titles</vt:lpstr>
      <vt:lpstr>第18区!Print_Titles</vt:lpstr>
      <vt:lpstr>第19区!Print_Titles</vt:lpstr>
      <vt:lpstr>第1区!Print_Titles</vt:lpstr>
      <vt:lpstr>第20区!Print_Titles</vt:lpstr>
      <vt:lpstr>第2区!Print_Titles</vt:lpstr>
      <vt:lpstr>第3区!Print_Titles</vt:lpstr>
      <vt:lpstr>第4区!Print_Titles</vt:lpstr>
      <vt:lpstr>第5区!Print_Titles</vt:lpstr>
      <vt:lpstr>第6区!Print_Titles</vt:lpstr>
      <vt:lpstr>第7区!Print_Titles</vt:lpstr>
      <vt:lpstr>第8区!Print_Titles</vt:lpstr>
      <vt:lpstr>第9区!Print_Titles</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user</cp:lastModifiedBy>
  <cp:lastPrinted>2026-02-01T12:09:27Z</cp:lastPrinted>
  <dcterms:created xsi:type="dcterms:W3CDTF">2023-04-17T21:08:13Z</dcterms:created>
  <dcterms:modified xsi:type="dcterms:W3CDTF">2026-02-08T14:51:40Z</dcterms:modified>
</cp:coreProperties>
</file>